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360" yWindow="120" windowWidth="12915" windowHeight="11205"/>
  </bookViews>
  <sheets>
    <sheet name="理由書P１" sheetId="1" r:id="rId1"/>
  </sheets>
  <externalReferences>
    <externalReference r:id="rId2"/>
    <externalReference r:id="rId3"/>
    <externalReference r:id="rId4"/>
    <externalReference r:id="rId5"/>
  </externalReferences>
  <definedNames>
    <definedName name="_ADR1">#REF!</definedName>
    <definedName name="ATENA">#REF!</definedName>
    <definedName name="bar">#REF!</definedName>
    <definedName name="BIRTHDD">#REF!</definedName>
    <definedName name="BIRTHDD1">#REF!</definedName>
    <definedName name="BIRTHGG">#REF!</definedName>
    <definedName name="BIRTHGG1">#REF!</definedName>
    <definedName name="BIRTHMM">#REF!</definedName>
    <definedName name="BIRTHMM1">#REF!</definedName>
    <definedName name="BIRTHYY">#REF!</definedName>
    <definedName name="BIRTHYY1">#REF!</definedName>
    <definedName name="BUNKENNO">#REF!</definedName>
    <definedName name="BUNKENNO1">#REF!</definedName>
    <definedName name="BUSYO1">#REF!</definedName>
    <definedName name="BUSYO2">#REF!</definedName>
    <definedName name="_del1">#REF!</definedName>
    <definedName name="_del2">#REF!</definedName>
    <definedName name="GAIJI">#REF!</definedName>
    <definedName name="GENADR1">#REF!</definedName>
    <definedName name="GENADR2">#REF!</definedName>
    <definedName name="GENGOU1">#REF!</definedName>
    <definedName name="GENGOU2">#REF!</definedName>
    <definedName name="KAIGO_NO">#REF!</definedName>
    <definedName name="KAIGO_NO1">#REF!</definedName>
    <definedName name="KANRINO">#REF!</definedName>
    <definedName name="KOME1">#REF!</definedName>
    <definedName name="_KU1">#REF!</definedName>
    <definedName name="KUADR1">#REF!</definedName>
    <definedName name="KUADR2">#REF!</definedName>
    <definedName name="KUMEI">#REF!</definedName>
    <definedName name="KUMEI2">#REF!</definedName>
    <definedName name="KUMEI3">#REF!</definedName>
    <definedName name="MAEADR">#REF!</definedName>
    <definedName name="MAEADR1">#REF!</definedName>
    <definedName name="MAEADR2">#REF!</definedName>
    <definedName name="_NAI1">#REF!</definedName>
    <definedName name="_NAI2">#REF!</definedName>
    <definedName name="POST">#REF!</definedName>
    <definedName name="R_A_FUTAN_NO">#REF!</definedName>
    <definedName name="R_A_FUTAN_NO_T">#REF!</definedName>
    <definedName name="R_A_JUKYU_NO">#REF!</definedName>
    <definedName name="R_A_JUKYU_NO_T">#REF!</definedName>
    <definedName name="R_A_SHO_Kyojuhi_gendogk_T">#REF!</definedName>
    <definedName name="R_A_SHO_Kyojuhi_gendogk_T1">#REF!</definedName>
    <definedName name="R_A_SHO_Kyojuhi_gendogk_T2">#REF!</definedName>
    <definedName name="R_A_SHO_Kyojuhi_gendogk_T3">#REF!</definedName>
    <definedName name="R_A_SHO_Kyojuhi_gendogk1">#REF!</definedName>
    <definedName name="R_A_SHO_Kyojuhi_gendogk2">#REF!</definedName>
    <definedName name="R_A_SHO_Kyojuhi_gendogk3">#REF!</definedName>
    <definedName name="R_A_SHO_Kyojuhi_T">#REF!</definedName>
    <definedName name="R_A_SHO_Shokuji_gendogk">#REF!</definedName>
    <definedName name="R_A_SHO_Shokuji_gendogk_T">#REF!</definedName>
    <definedName name="R_A_SHO_YUKO_ED">#REF!</definedName>
    <definedName name="R_A_SHO_YUKO_ED_T">#REF!</definedName>
    <definedName name="R_A_SHO_YUKO_ED1">#REF!</definedName>
    <definedName name="R_A_SHO_YUKO_ED2">#REF!</definedName>
    <definedName name="R_A_SHO_YUKO_KIKAN_T1">#REF!</definedName>
    <definedName name="R_A_SHO_YUKO_KIKAN_T2">#REF!</definedName>
    <definedName name="R_A_SHO_YUKO_ST">#REF!</definedName>
    <definedName name="R_A_SHO_YUKO_ST_T">#REF!</definedName>
    <definedName name="R_A_SHO_YUKO_ST1">#REF!</definedName>
    <definedName name="R_A_SHO_YUKO_ST2">#REF!</definedName>
    <definedName name="R_A_TOKUTAI">#REF!</definedName>
    <definedName name="R_A_TOKUTAI_T">#REF!</definedName>
    <definedName name="R_A_VALUE">#REF!</definedName>
    <definedName name="R_A_VALUE_T">#REF!</definedName>
    <definedName name="R_B_FUTAN_NO">#REF!</definedName>
    <definedName name="R_B_FUTAN_NO_T">#REF!</definedName>
    <definedName name="R_B_JUKYU_NO">#REF!</definedName>
    <definedName name="R_B_JUKYU_NO_T">#REF!</definedName>
    <definedName name="R_B_SHO_Kyojuhi_gendogk_T">#REF!</definedName>
    <definedName name="R_B_SHO_Kyojuhi_gendogk_T1">#REF!</definedName>
    <definedName name="R_B_SHO_Kyojuhi_gendogk_T2">#REF!</definedName>
    <definedName name="R_B_SHO_Kyojuhi_gendogk_T3">#REF!</definedName>
    <definedName name="R_B_SHO_Kyojuhi_gendogk1">#REF!</definedName>
    <definedName name="R_B_SHO_Kyojuhi_gendogk2">#REF!</definedName>
    <definedName name="R_B_SHO_Kyojuhi_gendogk3">#REF!</definedName>
    <definedName name="R_B_SHO_Kyojuhi_T">#REF!</definedName>
    <definedName name="R_B_SHO_Shokuji_gendogk">#REF!</definedName>
    <definedName name="R_B_SHO_Shokuji_gendogk_T">#REF!</definedName>
    <definedName name="R_B_SHO_YUKO_ED">#REF!</definedName>
    <definedName name="R_B_SHO_YUKO_ED_T">#REF!</definedName>
    <definedName name="R_B_SHO_YUKO_ED1">#REF!</definedName>
    <definedName name="R_B_SHO_YUKO_ED2">#REF!</definedName>
    <definedName name="R_B_SHO_YUKO_KIKAN_T1">#REF!</definedName>
    <definedName name="R_B_SHO_YUKO_KIKAN_T2">#REF!</definedName>
    <definedName name="R_B_SHO_YUKO_ST">#REF!</definedName>
    <definedName name="R_B_SHO_YUKO_ST_T">#REF!</definedName>
    <definedName name="R_B_SHO_YUKO_ST1">#REF!</definedName>
    <definedName name="R_B_SHO_YUKO_ST2">#REF!</definedName>
    <definedName name="R_B_TOKUTAI">#REF!</definedName>
    <definedName name="R_B_TOKUTAI_T">#REF!</definedName>
    <definedName name="R_B_VALUE">#REF!</definedName>
    <definedName name="R_B_VALUE_T">#REF!</definedName>
    <definedName name="R_CHIKU_CASE_NO">#REF!</definedName>
    <definedName name="R_HYODAI_DOWN">#REF!</definedName>
    <definedName name="R_HYODAI_UP">#REF!</definedName>
    <definedName name="R_KORON1">#REF!</definedName>
    <definedName name="R_KORON10">#REF!</definedName>
    <definedName name="R_KORON11">#REF!</definedName>
    <definedName name="R_KORON12">#REF!</definedName>
    <definedName name="R_KORON2">#REF!</definedName>
    <definedName name="R_KORON3">#REF!</definedName>
    <definedName name="R_KORON4">#REF!</definedName>
    <definedName name="R_KORON5">#REF!</definedName>
    <definedName name="R_KORON6">#REF!</definedName>
    <definedName name="R_KORON7">#REF!</definedName>
    <definedName name="R_KORON8">#REF!</definedName>
    <definedName name="R_KORON9">#REF!</definedName>
    <definedName name="R_MONGON">#REF!</definedName>
    <definedName name="R_RIYU">#REF!</definedName>
    <definedName name="R_RIYU_T">#REF!</definedName>
    <definedName name="R_SHO_FUTAN_NO">#REF!</definedName>
    <definedName name="R_SHO_FUTAN_NO_T">#REF!</definedName>
    <definedName name="R_SHO_JUKYU_NO">#REF!</definedName>
    <definedName name="R_SHO_JUKYU_NO_T">#REF!</definedName>
    <definedName name="R_SHO_TOKUTAI">#REF!</definedName>
    <definedName name="R_SHO_TOKUTAI_T">#REF!</definedName>
    <definedName name="R_SHO_YUKO_ED">#REF!</definedName>
    <definedName name="R_SHO_YUKO_ED_T">#REF!</definedName>
    <definedName name="R_SHO_YUKO_ST">#REF!</definedName>
    <definedName name="R_SHO_YUKO_ST_T">#REF!</definedName>
    <definedName name="R_SHONIN_DOWN">#REF!</definedName>
    <definedName name="R_SHONIN_NAIYO">#REF!</definedName>
    <definedName name="R_SHONIN_NAIYO_T">#REF!</definedName>
    <definedName name="R_SHONIN_UP">#REF!</definedName>
    <definedName name="sain">#REF!</definedName>
    <definedName name="SIMEI_K">#REF!</definedName>
    <definedName name="SIMEI_K1">#REF!</definedName>
    <definedName name="SIMEI_X">#REF!</definedName>
    <definedName name="SIMEI_X1">#REF!</definedName>
    <definedName name="SYOTOKUGG">#REF!</definedName>
    <definedName name="SYOTOKUGG1">#REF!</definedName>
    <definedName name="SYOTOKUYY">#REF!</definedName>
    <definedName name="SYOTOKUYY1">#REF!</definedName>
    <definedName name="SYUBETU">#REF!</definedName>
    <definedName name="TEL">#REF!</definedName>
    <definedName name="TENNYUDD">#REF!</definedName>
    <definedName name="TENNYUGG">#REF!</definedName>
    <definedName name="TENNYUMM">#REF!</definedName>
    <definedName name="TENNYUYY">#REF!</definedName>
    <definedName name="utx_ate_name_k">#REF!</definedName>
    <definedName name="utx_barcd">#REF!</definedName>
    <definedName name="utx_birth">#REF!</definedName>
    <definedName name="utx_busho_ken_name">#REF!</definedName>
    <definedName name="utx_futan_gk">#REF!</definedName>
    <definedName name="utx_futan_kbn">#REF!</definedName>
    <definedName name="utx_gen_address_k">#REF!</definedName>
    <definedName name="utx_gen_address_k2">#REF!</definedName>
    <definedName name="utx_hiho_no01">#REF!</definedName>
    <definedName name="utx_hiho_no02">#REF!</definedName>
    <definedName name="utx_hiho_no03">#REF!</definedName>
    <definedName name="utx_hiho_no04">#REF!</definedName>
    <definedName name="utx_hiho_no05">#REF!</definedName>
    <definedName name="utx_hiho_no06">#REF!</definedName>
    <definedName name="utx_hiho_no07">#REF!</definedName>
    <definedName name="utx_hiho_no08">#REF!</definedName>
    <definedName name="utx_hiho_no09">#REF!</definedName>
    <definedName name="utx_hiho_no1">#REF!</definedName>
    <definedName name="utx_hiho_no10">#REF!</definedName>
    <definedName name="utx_hiho_no2">#REF!</definedName>
    <definedName name="utx_hiho_no3">#REF!</definedName>
    <definedName name="utx_hiho_no4">#REF!</definedName>
    <definedName name="utx_hiho_no5">#REF!</definedName>
    <definedName name="utx_hiho_no6">#REF!</definedName>
    <definedName name="utx_hiho_no7">#REF!</definedName>
    <definedName name="utx_hiho_no8">#REF!</definedName>
    <definedName name="utx_hiho_no9">#REF!</definedName>
    <definedName name="utx_hihono">#REF!</definedName>
    <definedName name="utx_hohi_no">#REF!</definedName>
    <definedName name="utx_hohino">#REF!</definedName>
    <definedName name="utx_hokensya_no1">#REF!</definedName>
    <definedName name="utx_hokensya_no2">#REF!</definedName>
    <definedName name="utx_hokensya_no3">#REF!</definedName>
    <definedName name="utx_hokensya_no4">#REF!</definedName>
    <definedName name="utx_hokensya_no5">#REF!</definedName>
    <definedName name="utx_hokensya_no6">#REF!</definedName>
    <definedName name="utx_katagaki_k">#REF!</definedName>
    <definedName name="utx_kettei_ymd">#REF!</definedName>
    <definedName name="utx_kofu_ymd">#REF!</definedName>
    <definedName name="utx_ku_address_k">#REF!</definedName>
    <definedName name="utx_ku_name">#REF!</definedName>
    <definedName name="utx_ku_tel">#REF!</definedName>
    <definedName name="utx_kucho_name">#REF!</definedName>
    <definedName name="utx_name_k">#REF!</definedName>
    <definedName name="utx_name_x">#REF!</definedName>
    <definedName name="utx_op_date">#REF!</definedName>
    <definedName name="utx_ren_address_k">#REF!</definedName>
    <definedName name="utx_ren_address_k2">#REF!</definedName>
    <definedName name="utx_ren_ka_name_k">#REF!</definedName>
    <definedName name="utx_ren_ku_name_k">#REF!</definedName>
    <definedName name="utx_ren_tel">#REF!</definedName>
    <definedName name="utx_ren_yubin">#REF!</definedName>
    <definedName name="utx_sex">#REF!</definedName>
    <definedName name="utx_shinsa_address_k">#REF!</definedName>
    <definedName name="utx_shinsa_ka_name">#REF!</definedName>
    <definedName name="utx_shinsa_tel">#REF!</definedName>
    <definedName name="utx_shinsa_yubin">#REF!</definedName>
    <definedName name="utx_sho_yuko_ed">#REF!</definedName>
    <definedName name="utx_sho_yuko_st">#REF!</definedName>
    <definedName name="utx_sin_address_k">#REF!</definedName>
    <definedName name="utx_Tel_Title">[3]決定通知書!#REF!</definedName>
    <definedName name="utx_yubin_no">#REF!</definedName>
    <definedName name="あ">[4]ユニシス!$I$14</definedName>
    <definedName name="ｱｱ">[4]ユニシス!$M$14</definedName>
    <definedName name="課名1">#REF!</definedName>
    <definedName name="課名2">#REF!</definedName>
    <definedName name="区長名">#REF!</definedName>
    <definedName name="区名">#REF!</definedName>
    <definedName name="住所1">#REF!</definedName>
    <definedName name="住所2">#REF!</definedName>
    <definedName name="住所3">#REF!</definedName>
    <definedName name="住所4">#REF!</definedName>
    <definedName name="住所5">#REF!</definedName>
    <definedName name="申請年月日">#REF!</definedName>
    <definedName name="担当者">#REF!</definedName>
    <definedName name="電話番号1">#REF!</definedName>
    <definedName name="電話番号2">#REF!</definedName>
    <definedName name="認定期間至">#REF!</definedName>
    <definedName name="認定期間自">#REF!</definedName>
    <definedName name="認定結果">#REF!</definedName>
    <definedName name="被保険者氏名">#REF!</definedName>
    <definedName name="被保険者番号1">#REF!</definedName>
    <definedName name="被保番号1">#REF!</definedName>
    <definedName name="被保番号10">#REF!</definedName>
    <definedName name="被保番号2">#REF!</definedName>
    <definedName name="被保番号3">#REF!</definedName>
    <definedName name="被保番号4">#REF!</definedName>
    <definedName name="被保番号5">#REF!</definedName>
    <definedName name="被保番号6">#REF!</definedName>
    <definedName name="被保番号7">#REF!</definedName>
    <definedName name="被保番号8">#REF!</definedName>
    <definedName name="被保番号9">#REF!</definedName>
    <definedName name="非該当事由1">#REF!</definedName>
    <definedName name="非該当事由2">#REF!</definedName>
    <definedName name="非該当事由3">#REF!</definedName>
    <definedName name="非該当事由4">#REF!</definedName>
    <definedName name="文書件名称">#REF!</definedName>
    <definedName name="文書年月日">#REF!</definedName>
    <definedName name="方書き">#REF!</definedName>
    <definedName name="名前1">#REF!</definedName>
    <definedName name="名前2">#REF!</definedName>
    <definedName name="郵便番号1">#REF!</definedName>
    <definedName name="郵便番号2">#REF!</definedName>
    <definedName name="郵便番号3">#REF!</definedName>
    <definedName name="要介護">#REF!</definedName>
  </definedNames>
  <calcPr calcId="145621"/>
</workbook>
</file>

<file path=xl/sharedStrings.xml><?xml version="1.0" encoding="utf-8"?>
<sst xmlns="http://schemas.openxmlformats.org/spreadsheetml/2006/main" count="96" uniqueCount="62">
  <si>
    <t>　住宅改修が必要な理由書（Ｐ１）</t>
    <rPh sb="1" eb="3">
      <t>ジュウタク</t>
    </rPh>
    <rPh sb="3" eb="5">
      <t>カイシュウ</t>
    </rPh>
    <rPh sb="6" eb="8">
      <t>ヒツヨウ</t>
    </rPh>
    <rPh sb="9" eb="12">
      <t>リユウショ</t>
    </rPh>
    <phoneticPr fontId="3"/>
  </si>
  <si>
    <t>&lt;基本情報&gt;</t>
    <rPh sb="1" eb="3">
      <t>キホン</t>
    </rPh>
    <rPh sb="3" eb="5">
      <t>ジョウホウ</t>
    </rPh>
    <phoneticPr fontId="3"/>
  </si>
  <si>
    <t>利用者</t>
    <rPh sb="0" eb="3">
      <t>リヨウシャ</t>
    </rPh>
    <phoneticPr fontId="3"/>
  </si>
  <si>
    <t>被保険者
番号</t>
    <rPh sb="0" eb="4">
      <t>ヒホ</t>
    </rPh>
    <rPh sb="5" eb="7">
      <t>バンゴウ</t>
    </rPh>
    <phoneticPr fontId="3"/>
  </si>
  <si>
    <t>年齢</t>
    <rPh sb="0" eb="2">
      <t>ネンレイ</t>
    </rPh>
    <phoneticPr fontId="3"/>
  </si>
  <si>
    <t>歳</t>
    <rPh sb="0" eb="1">
      <t>サイ</t>
    </rPh>
    <phoneticPr fontId="3"/>
  </si>
  <si>
    <t>生年月日</t>
    <rPh sb="0" eb="2">
      <t>セイネン</t>
    </rPh>
    <rPh sb="2" eb="4">
      <t>ガッピ</t>
    </rPh>
    <phoneticPr fontId="3"/>
  </si>
  <si>
    <t>明治</t>
    <rPh sb="0" eb="2">
      <t>メイジ</t>
    </rPh>
    <phoneticPr fontId="3"/>
  </si>
  <si>
    <t>　　年　　月　　日</t>
    <rPh sb="2" eb="3">
      <t>ネン</t>
    </rPh>
    <rPh sb="5" eb="6">
      <t>ツキ</t>
    </rPh>
    <rPh sb="8" eb="9">
      <t>ヒ</t>
    </rPh>
    <phoneticPr fontId="3"/>
  </si>
  <si>
    <t>性別</t>
    <rPh sb="0" eb="2">
      <t>セイベツ</t>
    </rPh>
    <phoneticPr fontId="3"/>
  </si>
  <si>
    <t>　□　男　　□　女</t>
    <rPh sb="3" eb="4">
      <t>オトコ</t>
    </rPh>
    <rPh sb="8" eb="9">
      <t>オンナ</t>
    </rPh>
    <phoneticPr fontId="3"/>
  </si>
  <si>
    <t>作成者</t>
    <rPh sb="0" eb="3">
      <t>サクセイシャ</t>
    </rPh>
    <phoneticPr fontId="3"/>
  </si>
  <si>
    <t>現地確認日</t>
    <rPh sb="0" eb="2">
      <t>ゲンチ</t>
    </rPh>
    <rPh sb="2" eb="4">
      <t>カクニン</t>
    </rPh>
    <rPh sb="4" eb="5">
      <t>ビ</t>
    </rPh>
    <phoneticPr fontId="3"/>
  </si>
  <si>
    <t>令和　　　年　　月　　日</t>
    <rPh sb="0" eb="1">
      <t>レイ</t>
    </rPh>
    <rPh sb="1" eb="2">
      <t>ワ</t>
    </rPh>
    <rPh sb="5" eb="6">
      <t>ネン</t>
    </rPh>
    <rPh sb="8" eb="9">
      <t>ガツ</t>
    </rPh>
    <rPh sb="11" eb="12">
      <t>ヒ</t>
    </rPh>
    <phoneticPr fontId="3"/>
  </si>
  <si>
    <t>作成日</t>
    <rPh sb="0" eb="3">
      <t>サクセイビ</t>
    </rPh>
    <phoneticPr fontId="3"/>
  </si>
  <si>
    <t>令和　　年　　月　　日</t>
    <rPh sb="0" eb="1">
      <t>レイ</t>
    </rPh>
    <rPh sb="1" eb="2">
      <t>ワ</t>
    </rPh>
    <rPh sb="4" eb="5">
      <t>ネン</t>
    </rPh>
    <rPh sb="7" eb="8">
      <t>ガツ</t>
    </rPh>
    <rPh sb="10" eb="11">
      <t>ヒ</t>
    </rPh>
    <phoneticPr fontId="3"/>
  </si>
  <si>
    <t>大正</t>
    <rPh sb="0" eb="2">
      <t>タイショウ</t>
    </rPh>
    <phoneticPr fontId="3"/>
  </si>
  <si>
    <t>所属事業所</t>
    <rPh sb="0" eb="2">
      <t>ショゾク</t>
    </rPh>
    <rPh sb="2" eb="5">
      <t>ジギョウショ</t>
    </rPh>
    <phoneticPr fontId="3"/>
  </si>
  <si>
    <t>昭和</t>
    <rPh sb="0" eb="2">
      <t>ショウワ</t>
    </rPh>
    <phoneticPr fontId="3"/>
  </si>
  <si>
    <t>被保険者
氏名</t>
    <rPh sb="0" eb="4">
      <t>ヒホ</t>
    </rPh>
    <rPh sb="5" eb="7">
      <t>シメイ</t>
    </rPh>
    <phoneticPr fontId="3"/>
  </si>
  <si>
    <t>要介護認定
（該当に○）</t>
    <rPh sb="0" eb="3">
      <t>ヨウカイゴ</t>
    </rPh>
    <rPh sb="3" eb="5">
      <t>ニンテイ</t>
    </rPh>
    <rPh sb="7" eb="9">
      <t>ガイトウ</t>
    </rPh>
    <phoneticPr fontId="3"/>
  </si>
  <si>
    <t>要支援</t>
    <rPh sb="0" eb="3">
      <t>ヨウシエン</t>
    </rPh>
    <phoneticPr fontId="3"/>
  </si>
  <si>
    <t>要介護</t>
    <rPh sb="0" eb="3">
      <t>ヨウカイゴ</t>
    </rPh>
    <phoneticPr fontId="3"/>
  </si>
  <si>
    <t>資格</t>
    <rPh sb="0" eb="2">
      <t>シカク</t>
    </rPh>
    <phoneticPr fontId="3"/>
  </si>
  <si>
    <t>（作成者が介護支援専門員でないとき）</t>
    <rPh sb="1" eb="4">
      <t>サクセイシャ</t>
    </rPh>
    <rPh sb="5" eb="7">
      <t>カイゴ</t>
    </rPh>
    <rPh sb="7" eb="9">
      <t>シエン</t>
    </rPh>
    <rPh sb="9" eb="12">
      <t>センモンイン</t>
    </rPh>
    <phoneticPr fontId="3"/>
  </si>
  <si>
    <t>１　・　２</t>
    <phoneticPr fontId="3"/>
  </si>
  <si>
    <t>経過的　・　１　・　２　・　３　・　４　・　５</t>
    <rPh sb="0" eb="3">
      <t>ケイカテキ</t>
    </rPh>
    <phoneticPr fontId="3"/>
  </si>
  <si>
    <t>氏名</t>
    <rPh sb="0" eb="2">
      <t>シメイ</t>
    </rPh>
    <phoneticPr fontId="3"/>
  </si>
  <si>
    <t>住所</t>
    <rPh sb="0" eb="2">
      <t>ジュウショ</t>
    </rPh>
    <phoneticPr fontId="3"/>
  </si>
  <si>
    <t>連絡先</t>
    <rPh sb="0" eb="3">
      <t>レンラクサキ</t>
    </rPh>
    <phoneticPr fontId="3"/>
  </si>
  <si>
    <t>保険者</t>
    <rPh sb="0" eb="3">
      <t>ホケンシャ</t>
    </rPh>
    <phoneticPr fontId="3"/>
  </si>
  <si>
    <t>確認日</t>
    <rPh sb="0" eb="2">
      <t>カクニン</t>
    </rPh>
    <rPh sb="2" eb="3">
      <t>ビ</t>
    </rPh>
    <phoneticPr fontId="3"/>
  </si>
  <si>
    <t>評価欄</t>
    <rPh sb="0" eb="2">
      <t>ヒョウカ</t>
    </rPh>
    <rPh sb="2" eb="3">
      <t>ラン</t>
    </rPh>
    <phoneticPr fontId="3"/>
  </si>
  <si>
    <t>　□　適切な改修である　　　　　　　□　適切な改修ではない</t>
    <rPh sb="3" eb="5">
      <t>テキセツ</t>
    </rPh>
    <rPh sb="6" eb="8">
      <t>カイシュウ</t>
    </rPh>
    <rPh sb="20" eb="22">
      <t>テキセツ</t>
    </rPh>
    <rPh sb="23" eb="25">
      <t>カイシュウ</t>
    </rPh>
    <phoneticPr fontId="3"/>
  </si>
  <si>
    <t>（特記事項）</t>
    <rPh sb="1" eb="3">
      <t>トッキ</t>
    </rPh>
    <rPh sb="3" eb="5">
      <t>ジコウ</t>
    </rPh>
    <phoneticPr fontId="3"/>
  </si>
  <si>
    <t>&lt;総合的状況&gt;</t>
    <rPh sb="1" eb="4">
      <t>ソウゴウテキ</t>
    </rPh>
    <rPh sb="4" eb="6">
      <t>ジョウキョウ</t>
    </rPh>
    <phoneticPr fontId="3"/>
  </si>
  <si>
    <t>利用者の身体状況</t>
    <rPh sb="0" eb="3">
      <t>リヨウシャ</t>
    </rPh>
    <rPh sb="4" eb="6">
      <t>シンタイ</t>
    </rPh>
    <rPh sb="6" eb="8">
      <t>ジョウキョウ</t>
    </rPh>
    <phoneticPr fontId="3"/>
  </si>
  <si>
    <t>福祉用具の利用状況と
住宅改修後の想定</t>
    <rPh sb="0" eb="2">
      <t>フクシ</t>
    </rPh>
    <rPh sb="2" eb="4">
      <t>ヨウグ</t>
    </rPh>
    <rPh sb="5" eb="7">
      <t>リヨウ</t>
    </rPh>
    <rPh sb="7" eb="9">
      <t>ジョウキョウ</t>
    </rPh>
    <rPh sb="11" eb="13">
      <t>ジュウタク</t>
    </rPh>
    <rPh sb="13" eb="15">
      <t>カイシュウ</t>
    </rPh>
    <rPh sb="15" eb="16">
      <t>ゴ</t>
    </rPh>
    <rPh sb="17" eb="19">
      <t>ソウテイ</t>
    </rPh>
    <phoneticPr fontId="3"/>
  </si>
  <si>
    <t>改修前</t>
    <rPh sb="0" eb="2">
      <t>カイシュウ</t>
    </rPh>
    <rPh sb="2" eb="3">
      <t>マエ</t>
    </rPh>
    <phoneticPr fontId="3"/>
  </si>
  <si>
    <t>改修後</t>
    <rPh sb="0" eb="2">
      <t>カイシュウ</t>
    </rPh>
    <rPh sb="2" eb="3">
      <t>ゴ</t>
    </rPh>
    <phoneticPr fontId="3"/>
  </si>
  <si>
    <t>●車いす</t>
    <rPh sb="1" eb="2">
      <t>クルマ</t>
    </rPh>
    <phoneticPr fontId="3"/>
  </si>
  <si>
    <t>□</t>
    <phoneticPr fontId="3"/>
  </si>
  <si>
    <t>●特殊寝台</t>
    <rPh sb="1" eb="3">
      <t>トクシュ</t>
    </rPh>
    <rPh sb="3" eb="5">
      <t>シンダイ</t>
    </rPh>
    <phoneticPr fontId="3"/>
  </si>
  <si>
    <t>●床ずれ防止用具</t>
    <rPh sb="1" eb="2">
      <t>トコ</t>
    </rPh>
    <rPh sb="4" eb="6">
      <t>ボウシ</t>
    </rPh>
    <rPh sb="6" eb="8">
      <t>ヨウグ</t>
    </rPh>
    <phoneticPr fontId="3"/>
  </si>
  <si>
    <t>□</t>
    <phoneticPr fontId="3"/>
  </si>
  <si>
    <t>介護状況</t>
    <rPh sb="0" eb="2">
      <t>カイゴ</t>
    </rPh>
    <rPh sb="2" eb="4">
      <t>ジョウキョウ</t>
    </rPh>
    <phoneticPr fontId="3"/>
  </si>
  <si>
    <t>●体位変換器</t>
    <rPh sb="1" eb="3">
      <t>タイイ</t>
    </rPh>
    <rPh sb="3" eb="5">
      <t>ヘンカン</t>
    </rPh>
    <rPh sb="5" eb="6">
      <t>キ</t>
    </rPh>
    <phoneticPr fontId="3"/>
  </si>
  <si>
    <t>●手すり</t>
    <rPh sb="1" eb="2">
      <t>テ</t>
    </rPh>
    <phoneticPr fontId="3"/>
  </si>
  <si>
    <t>●スロープ</t>
    <phoneticPr fontId="3"/>
  </si>
  <si>
    <t>●歩行器</t>
    <rPh sb="1" eb="3">
      <t>ホコウ</t>
    </rPh>
    <rPh sb="3" eb="4">
      <t>キ</t>
    </rPh>
    <phoneticPr fontId="3"/>
  </si>
  <si>
    <t>●歩行補助つえ</t>
    <rPh sb="1" eb="3">
      <t>ホコウ</t>
    </rPh>
    <rPh sb="3" eb="5">
      <t>ホジョ</t>
    </rPh>
    <phoneticPr fontId="3"/>
  </si>
  <si>
    <t>住宅改修により利用者等は日常生活をどう変えたいか</t>
    <rPh sb="0" eb="2">
      <t>ジュウタク</t>
    </rPh>
    <rPh sb="2" eb="4">
      <t>カイシュウ</t>
    </rPh>
    <rPh sb="7" eb="10">
      <t>リヨウシャ</t>
    </rPh>
    <rPh sb="10" eb="11">
      <t>トウ</t>
    </rPh>
    <rPh sb="12" eb="14">
      <t>ニチジョウ</t>
    </rPh>
    <rPh sb="14" eb="16">
      <t>セイカツ</t>
    </rPh>
    <rPh sb="19" eb="20">
      <t>カ</t>
    </rPh>
    <phoneticPr fontId="3"/>
  </si>
  <si>
    <t>●認知症老人徘徊感知機器</t>
    <rPh sb="1" eb="3">
      <t>ニンチ</t>
    </rPh>
    <rPh sb="3" eb="4">
      <t>ショウ</t>
    </rPh>
    <rPh sb="4" eb="6">
      <t>ロウジン</t>
    </rPh>
    <rPh sb="6" eb="8">
      <t>ハイカイ</t>
    </rPh>
    <rPh sb="8" eb="10">
      <t>カンチ</t>
    </rPh>
    <rPh sb="10" eb="12">
      <t>キキ</t>
    </rPh>
    <phoneticPr fontId="3"/>
  </si>
  <si>
    <t>●移動用リフト</t>
    <rPh sb="1" eb="4">
      <t>イドウヨウ</t>
    </rPh>
    <phoneticPr fontId="3"/>
  </si>
  <si>
    <t>●腰掛便座</t>
    <rPh sb="1" eb="3">
      <t>コシカケ</t>
    </rPh>
    <rPh sb="3" eb="5">
      <t>ベンザ</t>
    </rPh>
    <phoneticPr fontId="3"/>
  </si>
  <si>
    <t>●特殊尿器</t>
    <rPh sb="1" eb="3">
      <t>トクシュ</t>
    </rPh>
    <rPh sb="3" eb="4">
      <t>ニョウ</t>
    </rPh>
    <rPh sb="4" eb="5">
      <t>キ</t>
    </rPh>
    <phoneticPr fontId="3"/>
  </si>
  <si>
    <t>●入浴補助用具</t>
    <rPh sb="1" eb="3">
      <t>ニュウヨク</t>
    </rPh>
    <rPh sb="3" eb="5">
      <t>ホジョ</t>
    </rPh>
    <rPh sb="5" eb="7">
      <t>ヨウグ</t>
    </rPh>
    <phoneticPr fontId="3"/>
  </si>
  <si>
    <t>●簡易浴槽</t>
    <rPh sb="1" eb="3">
      <t>カンイ</t>
    </rPh>
    <rPh sb="3" eb="5">
      <t>ヨクソウ</t>
    </rPh>
    <phoneticPr fontId="3"/>
  </si>
  <si>
    <t>●その他</t>
    <rPh sb="3" eb="4">
      <t>ホカ</t>
    </rPh>
    <phoneticPr fontId="3"/>
  </si>
  <si>
    <t>　・</t>
    <phoneticPr fontId="3"/>
  </si>
  <si>
    <t>□</t>
    <phoneticPr fontId="3"/>
  </si>
  <si>
    <t>　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78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 diagonalUp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122">
    <xf numFmtId="0" fontId="0" fillId="0" borderId="0" xfId="0"/>
    <xf numFmtId="0" fontId="2" fillId="2" borderId="0" xfId="0" applyFont="1" applyFill="1" applyAlignment="1">
      <alignment vertical="center"/>
    </xf>
    <xf numFmtId="0" fontId="0" fillId="2" borderId="0" xfId="0" applyFill="1" applyAlignment="1">
      <alignment vertical="center"/>
    </xf>
    <xf numFmtId="0" fontId="0" fillId="0" borderId="0" xfId="0" applyAlignment="1">
      <alignment vertical="center"/>
    </xf>
    <xf numFmtId="0" fontId="0" fillId="2" borderId="1" xfId="0" applyFill="1" applyBorder="1" applyAlignment="1">
      <alignment horizontal="center" vertical="center" textRotation="255"/>
    </xf>
    <xf numFmtId="0" fontId="0" fillId="2" borderId="2" xfId="0" applyFill="1" applyBorder="1" applyAlignment="1">
      <alignment horizontal="center" vertical="center" wrapText="1"/>
    </xf>
    <xf numFmtId="0" fontId="0" fillId="2" borderId="3" xfId="0" applyFill="1" applyBorder="1" applyAlignment="1">
      <alignment horizontal="center" vertical="center"/>
    </xf>
    <xf numFmtId="0" fontId="0" fillId="2" borderId="4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6" xfId="0" applyFill="1" applyBorder="1" applyAlignment="1">
      <alignment horizontal="right" vertical="center"/>
    </xf>
    <xf numFmtId="0" fontId="0" fillId="2" borderId="7" xfId="0" applyFill="1" applyBorder="1" applyAlignment="1">
      <alignment horizontal="center" vertical="center"/>
    </xf>
    <xf numFmtId="0" fontId="0" fillId="2" borderId="8" xfId="0" applyFill="1" applyBorder="1" applyAlignment="1">
      <alignment horizontal="right" vertical="center"/>
    </xf>
    <xf numFmtId="0" fontId="0" fillId="2" borderId="9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10" xfId="0" applyFill="1" applyBorder="1" applyAlignment="1">
      <alignment horizontal="center" vertical="center" textRotation="255"/>
    </xf>
    <xf numFmtId="0" fontId="0" fillId="2" borderId="11" xfId="0" applyFill="1" applyBorder="1" applyAlignment="1">
      <alignment horizontal="center" vertical="center"/>
    </xf>
    <xf numFmtId="0" fontId="0" fillId="2" borderId="12" xfId="0" applyFill="1" applyBorder="1" applyAlignment="1">
      <alignment horizontal="center" vertical="center"/>
    </xf>
    <xf numFmtId="0" fontId="0" fillId="2" borderId="13" xfId="0" applyFill="1" applyBorder="1" applyAlignment="1">
      <alignment horizontal="center" vertical="center"/>
    </xf>
    <xf numFmtId="0" fontId="0" fillId="2" borderId="14" xfId="0" applyFill="1" applyBorder="1" applyAlignment="1">
      <alignment horizontal="center" vertical="center"/>
    </xf>
    <xf numFmtId="0" fontId="0" fillId="2" borderId="15" xfId="0" applyFill="1" applyBorder="1" applyAlignment="1">
      <alignment horizontal="center" vertical="center"/>
    </xf>
    <xf numFmtId="0" fontId="0" fillId="2" borderId="16" xfId="0" applyFill="1" applyBorder="1" applyAlignment="1">
      <alignment horizontal="center" vertical="center" textRotation="255"/>
    </xf>
    <xf numFmtId="0" fontId="0" fillId="2" borderId="17" xfId="0" applyFill="1" applyBorder="1" applyAlignment="1">
      <alignment horizontal="center" vertical="center"/>
    </xf>
    <xf numFmtId="0" fontId="0" fillId="2" borderId="18" xfId="0" applyFill="1" applyBorder="1" applyAlignment="1">
      <alignment horizontal="center" vertical="center"/>
    </xf>
    <xf numFmtId="0" fontId="0" fillId="2" borderId="19" xfId="0" applyFill="1" applyBorder="1" applyAlignment="1">
      <alignment horizontal="center" vertical="center"/>
    </xf>
    <xf numFmtId="0" fontId="0" fillId="2" borderId="20" xfId="0" applyFill="1" applyBorder="1" applyAlignment="1">
      <alignment horizontal="center" vertical="center"/>
    </xf>
    <xf numFmtId="0" fontId="0" fillId="2" borderId="21" xfId="0" applyFill="1" applyBorder="1" applyAlignment="1">
      <alignment horizontal="right" vertical="center"/>
    </xf>
    <xf numFmtId="0" fontId="0" fillId="2" borderId="22" xfId="0" applyFill="1" applyBorder="1" applyAlignment="1">
      <alignment horizontal="center" vertical="center"/>
    </xf>
    <xf numFmtId="0" fontId="0" fillId="2" borderId="23" xfId="0" applyFill="1" applyBorder="1" applyAlignment="1">
      <alignment horizontal="right" vertical="center"/>
    </xf>
    <xf numFmtId="0" fontId="0" fillId="2" borderId="24" xfId="0" applyFill="1" applyBorder="1" applyAlignment="1">
      <alignment horizontal="center" vertical="center"/>
    </xf>
    <xf numFmtId="0" fontId="0" fillId="2" borderId="21" xfId="0" applyFill="1" applyBorder="1" applyAlignment="1">
      <alignment horizontal="center" vertical="center"/>
    </xf>
    <xf numFmtId="0" fontId="0" fillId="2" borderId="25" xfId="0" applyFill="1" applyBorder="1" applyAlignment="1">
      <alignment horizontal="center" vertical="center" textRotation="255"/>
    </xf>
    <xf numFmtId="0" fontId="0" fillId="2" borderId="26" xfId="0" applyFill="1" applyBorder="1" applyAlignment="1">
      <alignment horizontal="center" vertical="center"/>
    </xf>
    <xf numFmtId="0" fontId="0" fillId="2" borderId="27" xfId="0" applyFill="1" applyBorder="1" applyAlignment="1">
      <alignment horizontal="center" vertical="center"/>
    </xf>
    <xf numFmtId="0" fontId="0" fillId="2" borderId="28" xfId="0" applyFill="1" applyBorder="1" applyAlignment="1">
      <alignment horizontal="center" vertical="center"/>
    </xf>
    <xf numFmtId="0" fontId="0" fillId="2" borderId="29" xfId="0" applyFill="1" applyBorder="1" applyAlignment="1">
      <alignment horizontal="center" vertical="center"/>
    </xf>
    <xf numFmtId="0" fontId="0" fillId="2" borderId="30" xfId="0" applyFill="1" applyBorder="1" applyAlignment="1">
      <alignment horizontal="center" vertical="center"/>
    </xf>
    <xf numFmtId="0" fontId="0" fillId="2" borderId="31" xfId="0" applyFill="1" applyBorder="1" applyAlignment="1">
      <alignment horizontal="right" vertical="center"/>
    </xf>
    <xf numFmtId="0" fontId="0" fillId="2" borderId="32" xfId="0" applyFill="1" applyBorder="1" applyAlignment="1">
      <alignment horizontal="center" vertical="center"/>
    </xf>
    <xf numFmtId="0" fontId="0" fillId="2" borderId="33" xfId="0" applyFill="1" applyBorder="1" applyAlignment="1">
      <alignment horizontal="center" vertical="center"/>
    </xf>
    <xf numFmtId="0" fontId="0" fillId="2" borderId="34" xfId="0" applyFill="1" applyBorder="1" applyAlignment="1">
      <alignment horizontal="right" vertical="center"/>
    </xf>
    <xf numFmtId="0" fontId="0" fillId="2" borderId="35" xfId="0" applyFill="1" applyBorder="1" applyAlignment="1">
      <alignment horizontal="center" vertical="center"/>
    </xf>
    <xf numFmtId="0" fontId="0" fillId="2" borderId="31" xfId="0" applyFill="1" applyBorder="1" applyAlignment="1">
      <alignment horizontal="center" vertical="center"/>
    </xf>
    <xf numFmtId="0" fontId="0" fillId="2" borderId="36" xfId="0" applyFill="1" applyBorder="1" applyAlignment="1">
      <alignment horizontal="center" vertical="center"/>
    </xf>
    <xf numFmtId="0" fontId="0" fillId="2" borderId="37" xfId="0" applyFill="1" applyBorder="1" applyAlignment="1">
      <alignment horizontal="center" vertical="center"/>
    </xf>
    <xf numFmtId="0" fontId="0" fillId="2" borderId="38" xfId="0" applyFill="1" applyBorder="1" applyAlignment="1">
      <alignment horizontal="center" vertical="center"/>
    </xf>
    <xf numFmtId="0" fontId="0" fillId="2" borderId="39" xfId="0" applyFill="1" applyBorder="1" applyAlignment="1">
      <alignment horizontal="center" vertical="center"/>
    </xf>
    <xf numFmtId="0" fontId="4" fillId="2" borderId="40" xfId="0" applyFont="1" applyFill="1" applyBorder="1" applyAlignment="1">
      <alignment horizontal="left" vertical="center"/>
    </xf>
    <xf numFmtId="0" fontId="0" fillId="2" borderId="41" xfId="0" applyFill="1" applyBorder="1" applyAlignment="1">
      <alignment horizontal="center" vertical="center"/>
    </xf>
    <xf numFmtId="0" fontId="0" fillId="2" borderId="42" xfId="0" applyFill="1" applyBorder="1" applyAlignment="1">
      <alignment horizontal="center" vertical="center"/>
    </xf>
    <xf numFmtId="0" fontId="0" fillId="2" borderId="32" xfId="0" applyFill="1" applyBorder="1" applyAlignment="1">
      <alignment horizontal="center" vertical="center" wrapText="1"/>
    </xf>
    <xf numFmtId="0" fontId="0" fillId="2" borderId="43" xfId="0" applyFill="1" applyBorder="1" applyAlignment="1">
      <alignment horizontal="center" vertical="center"/>
    </xf>
    <xf numFmtId="0" fontId="0" fillId="2" borderId="44" xfId="0" applyFill="1" applyBorder="1" applyAlignment="1">
      <alignment horizontal="center" vertical="center"/>
    </xf>
    <xf numFmtId="0" fontId="0" fillId="2" borderId="45" xfId="0" applyFill="1" applyBorder="1" applyAlignment="1">
      <alignment horizontal="center" vertical="center"/>
    </xf>
    <xf numFmtId="0" fontId="0" fillId="2" borderId="46" xfId="0" applyFill="1" applyBorder="1" applyAlignment="1">
      <alignment horizontal="center" vertical="center"/>
    </xf>
    <xf numFmtId="0" fontId="0" fillId="2" borderId="47" xfId="0" applyFill="1" applyBorder="1" applyAlignment="1">
      <alignment horizontal="center" vertical="center"/>
    </xf>
    <xf numFmtId="0" fontId="0" fillId="2" borderId="48" xfId="0" applyFill="1" applyBorder="1" applyAlignment="1">
      <alignment horizontal="center" vertical="center" textRotation="255"/>
    </xf>
    <xf numFmtId="0" fontId="0" fillId="2" borderId="49" xfId="0" applyFill="1" applyBorder="1" applyAlignment="1">
      <alignment horizontal="center" vertical="center" textRotation="255"/>
    </xf>
    <xf numFmtId="0" fontId="0" fillId="2" borderId="50" xfId="0" applyFill="1" applyBorder="1" applyAlignment="1">
      <alignment horizontal="center" vertical="center"/>
    </xf>
    <xf numFmtId="0" fontId="0" fillId="2" borderId="51" xfId="0" applyFill="1" applyBorder="1" applyAlignment="1">
      <alignment horizontal="center" vertical="center"/>
    </xf>
    <xf numFmtId="0" fontId="0" fillId="2" borderId="52" xfId="0" applyFill="1" applyBorder="1" applyAlignment="1">
      <alignment horizontal="center" vertical="center"/>
    </xf>
    <xf numFmtId="0" fontId="0" fillId="2" borderId="0" xfId="0" applyFill="1" applyAlignment="1">
      <alignment horizontal="center" vertical="center"/>
    </xf>
    <xf numFmtId="0" fontId="0" fillId="2" borderId="11" xfId="0" applyFill="1" applyBorder="1" applyAlignment="1">
      <alignment horizontal="center" vertical="center"/>
    </xf>
    <xf numFmtId="0" fontId="0" fillId="2" borderId="53" xfId="0" applyFill="1" applyBorder="1" applyAlignment="1">
      <alignment horizontal="left" vertical="center" wrapText="1"/>
    </xf>
    <xf numFmtId="0" fontId="0" fillId="2" borderId="54" xfId="0" applyFill="1" applyBorder="1" applyAlignment="1">
      <alignment horizontal="left" vertical="center" wrapText="1"/>
    </xf>
    <xf numFmtId="0" fontId="0" fillId="2" borderId="55" xfId="0" applyFill="1" applyBorder="1" applyAlignment="1">
      <alignment horizontal="left" vertical="center" wrapText="1"/>
    </xf>
    <xf numFmtId="0" fontId="0" fillId="2" borderId="56" xfId="0" applyFill="1" applyBorder="1" applyAlignment="1">
      <alignment horizontal="left" vertical="top"/>
    </xf>
    <xf numFmtId="0" fontId="0" fillId="2" borderId="57" xfId="0" applyFill="1" applyBorder="1" applyAlignment="1">
      <alignment horizontal="left" vertical="top"/>
    </xf>
    <xf numFmtId="0" fontId="0" fillId="2" borderId="58" xfId="0" applyFill="1" applyBorder="1" applyAlignment="1">
      <alignment horizontal="left" vertical="top"/>
    </xf>
    <xf numFmtId="0" fontId="0" fillId="2" borderId="59" xfId="0" applyFill="1" applyBorder="1" applyAlignment="1">
      <alignment horizontal="center" vertical="center"/>
    </xf>
    <xf numFmtId="0" fontId="0" fillId="2" borderId="33" xfId="0" applyFill="1" applyBorder="1" applyAlignment="1">
      <alignment horizontal="left" vertical="top"/>
    </xf>
    <xf numFmtId="0" fontId="0" fillId="2" borderId="60" xfId="0" applyFill="1" applyBorder="1" applyAlignment="1">
      <alignment horizontal="left" vertical="top"/>
    </xf>
    <xf numFmtId="0" fontId="0" fillId="2" borderId="61" xfId="0" applyFill="1" applyBorder="1" applyAlignment="1">
      <alignment horizontal="left" vertical="top"/>
    </xf>
    <xf numFmtId="0" fontId="0" fillId="2" borderId="2" xfId="0" applyFill="1" applyBorder="1" applyAlignment="1">
      <alignment horizontal="left" vertical="center"/>
    </xf>
    <xf numFmtId="0" fontId="0" fillId="2" borderId="6" xfId="0" applyFill="1" applyBorder="1" applyAlignment="1">
      <alignment horizontal="left" vertical="center"/>
    </xf>
    <xf numFmtId="0" fontId="0" fillId="2" borderId="9" xfId="0" applyFill="1" applyBorder="1" applyAlignment="1">
      <alignment horizontal="center" vertical="center" wrapText="1"/>
    </xf>
    <xf numFmtId="0" fontId="0" fillId="2" borderId="62" xfId="0" applyFill="1" applyBorder="1" applyAlignment="1">
      <alignment horizontal="center" vertical="center" wrapText="1"/>
    </xf>
    <xf numFmtId="0" fontId="0" fillId="2" borderId="63" xfId="0" applyFill="1" applyBorder="1" applyAlignment="1">
      <alignment vertical="center"/>
    </xf>
    <xf numFmtId="0" fontId="0" fillId="2" borderId="8" xfId="0" applyFill="1" applyBorder="1" applyAlignment="1">
      <alignment vertical="center"/>
    </xf>
    <xf numFmtId="0" fontId="0" fillId="2" borderId="17" xfId="0" applyFill="1" applyBorder="1" applyAlignment="1">
      <alignment horizontal="left" vertical="center"/>
    </xf>
    <xf numFmtId="0" fontId="0" fillId="2" borderId="21" xfId="0" applyFill="1" applyBorder="1" applyAlignment="1">
      <alignment horizontal="left" vertical="center"/>
    </xf>
    <xf numFmtId="0" fontId="0" fillId="2" borderId="64" xfId="0" applyFill="1" applyBorder="1" applyAlignment="1">
      <alignment horizontal="center" vertical="center"/>
    </xf>
    <xf numFmtId="0" fontId="0" fillId="2" borderId="24" xfId="0" applyFill="1" applyBorder="1" applyAlignment="1">
      <alignment horizontal="center" vertical="center" wrapText="1"/>
    </xf>
    <xf numFmtId="0" fontId="0" fillId="2" borderId="64" xfId="0" applyFill="1" applyBorder="1" applyAlignment="1">
      <alignment horizontal="center" vertical="center" wrapText="1"/>
    </xf>
    <xf numFmtId="0" fontId="0" fillId="2" borderId="64" xfId="0" applyFill="1" applyBorder="1" applyAlignment="1">
      <alignment horizontal="center" vertical="center"/>
    </xf>
    <xf numFmtId="0" fontId="0" fillId="2" borderId="21" xfId="0" applyFill="1" applyBorder="1" applyAlignment="1">
      <alignment horizontal="center" vertical="center"/>
    </xf>
    <xf numFmtId="0" fontId="0" fillId="2" borderId="25" xfId="0" applyFill="1" applyBorder="1" applyAlignment="1">
      <alignment vertical="center"/>
    </xf>
    <xf numFmtId="0" fontId="0" fillId="2" borderId="24" xfId="0" applyFill="1" applyBorder="1" applyAlignment="1">
      <alignment vertical="center"/>
    </xf>
    <xf numFmtId="0" fontId="0" fillId="2" borderId="27" xfId="0" applyFill="1" applyBorder="1" applyAlignment="1">
      <alignment horizontal="left" vertical="center"/>
    </xf>
    <xf numFmtId="0" fontId="0" fillId="2" borderId="31" xfId="0" applyFill="1" applyBorder="1" applyAlignment="1">
      <alignment horizontal="left" vertical="center"/>
    </xf>
    <xf numFmtId="0" fontId="0" fillId="2" borderId="65" xfId="0" applyFill="1" applyBorder="1" applyAlignment="1">
      <alignment horizontal="center" vertical="center"/>
    </xf>
    <xf numFmtId="0" fontId="0" fillId="2" borderId="2" xfId="0" applyFill="1" applyBorder="1" applyAlignment="1">
      <alignment vertical="center"/>
    </xf>
    <xf numFmtId="0" fontId="0" fillId="2" borderId="6" xfId="0" applyFill="1" applyBorder="1" applyAlignment="1">
      <alignment vertical="center"/>
    </xf>
    <xf numFmtId="0" fontId="0" fillId="2" borderId="17" xfId="0" applyFill="1" applyBorder="1" applyAlignment="1">
      <alignment vertical="center"/>
    </xf>
    <xf numFmtId="0" fontId="0" fillId="2" borderId="21" xfId="0" applyFill="1" applyBorder="1" applyAlignment="1">
      <alignment vertical="center"/>
    </xf>
    <xf numFmtId="0" fontId="0" fillId="2" borderId="32" xfId="0" applyFill="1" applyBorder="1" applyAlignment="1">
      <alignment vertical="center"/>
    </xf>
    <xf numFmtId="0" fontId="0" fillId="2" borderId="37" xfId="0" applyFill="1" applyBorder="1" applyAlignment="1">
      <alignment vertical="center"/>
    </xf>
    <xf numFmtId="0" fontId="0" fillId="2" borderId="45" xfId="0" applyFill="1" applyBorder="1" applyAlignment="1">
      <alignment horizontal="left" vertical="center" wrapText="1"/>
    </xf>
    <xf numFmtId="0" fontId="0" fillId="2" borderId="47" xfId="0" applyFill="1" applyBorder="1" applyAlignment="1">
      <alignment horizontal="left" vertical="center" wrapText="1"/>
    </xf>
    <xf numFmtId="0" fontId="0" fillId="2" borderId="66" xfId="0" applyFill="1" applyBorder="1" applyAlignment="1">
      <alignment horizontal="center" vertical="center"/>
    </xf>
    <xf numFmtId="0" fontId="0" fillId="2" borderId="25" xfId="0" applyFill="1" applyBorder="1" applyAlignment="1">
      <alignment horizontal="left" vertical="center"/>
    </xf>
    <xf numFmtId="0" fontId="0" fillId="2" borderId="24" xfId="0" applyFill="1" applyBorder="1" applyAlignment="1">
      <alignment horizontal="left" vertical="center"/>
    </xf>
    <xf numFmtId="0" fontId="0" fillId="2" borderId="17" xfId="0" applyFill="1" applyBorder="1" applyAlignment="1">
      <alignment horizontal="left" vertical="center" wrapText="1"/>
    </xf>
    <xf numFmtId="0" fontId="0" fillId="2" borderId="21" xfId="0" applyFill="1" applyBorder="1" applyAlignment="1">
      <alignment horizontal="left" vertical="center" wrapText="1"/>
    </xf>
    <xf numFmtId="0" fontId="0" fillId="2" borderId="67" xfId="0" applyFill="1" applyBorder="1" applyAlignment="1">
      <alignment vertical="center"/>
    </xf>
    <xf numFmtId="0" fontId="0" fillId="2" borderId="35" xfId="0" applyFill="1" applyBorder="1" applyAlignment="1">
      <alignment vertical="center"/>
    </xf>
    <xf numFmtId="0" fontId="0" fillId="2" borderId="65" xfId="0" applyFill="1" applyBorder="1" applyAlignment="1">
      <alignment horizontal="center" vertical="center"/>
    </xf>
    <xf numFmtId="0" fontId="0" fillId="2" borderId="31" xfId="0" applyFill="1" applyBorder="1" applyAlignment="1">
      <alignment horizontal="center" vertical="center"/>
    </xf>
    <xf numFmtId="0" fontId="0" fillId="2" borderId="68" xfId="0" applyFill="1" applyBorder="1" applyAlignment="1">
      <alignment vertical="center"/>
    </xf>
    <xf numFmtId="0" fontId="0" fillId="2" borderId="69" xfId="0" applyFill="1" applyBorder="1" applyAlignment="1">
      <alignment vertical="center"/>
    </xf>
    <xf numFmtId="0" fontId="0" fillId="2" borderId="70" xfId="0" applyFill="1" applyBorder="1" applyAlignment="1">
      <alignment horizontal="center" vertical="center"/>
    </xf>
    <xf numFmtId="0" fontId="0" fillId="2" borderId="71" xfId="0" applyFill="1" applyBorder="1" applyAlignment="1">
      <alignment horizontal="center" vertical="center"/>
    </xf>
    <xf numFmtId="0" fontId="0" fillId="2" borderId="72" xfId="0" applyFill="1" applyBorder="1" applyAlignment="1">
      <alignment vertical="center"/>
    </xf>
    <xf numFmtId="0" fontId="0" fillId="2" borderId="73" xfId="0" applyFill="1" applyBorder="1" applyAlignment="1">
      <alignment vertical="center"/>
    </xf>
    <xf numFmtId="0" fontId="0" fillId="2" borderId="74" xfId="0" applyFill="1" applyBorder="1" applyAlignment="1">
      <alignment horizontal="center" vertical="center"/>
    </xf>
    <xf numFmtId="0" fontId="0" fillId="2" borderId="75" xfId="0" applyFill="1" applyBorder="1" applyAlignment="1">
      <alignment horizontal="center" vertical="center"/>
    </xf>
    <xf numFmtId="0" fontId="0" fillId="2" borderId="32" xfId="0" applyFill="1" applyBorder="1" applyAlignment="1">
      <alignment horizontal="left" vertical="center" wrapText="1"/>
    </xf>
    <xf numFmtId="0" fontId="0" fillId="2" borderId="37" xfId="0" applyFill="1" applyBorder="1" applyAlignment="1">
      <alignment horizontal="left" vertical="center" wrapText="1"/>
    </xf>
    <xf numFmtId="0" fontId="0" fillId="2" borderId="76" xfId="0" applyFill="1" applyBorder="1" applyAlignment="1">
      <alignment vertical="center"/>
    </xf>
    <xf numFmtId="0" fontId="0" fillId="2" borderId="77" xfId="0" applyFill="1" applyBorder="1" applyAlignment="1">
      <alignment vertical="center"/>
    </xf>
    <xf numFmtId="0" fontId="0" fillId="2" borderId="43" xfId="0" applyFill="1" applyBorder="1" applyAlignment="1">
      <alignment horizontal="center" vertical="center"/>
    </xf>
    <xf numFmtId="0" fontId="0" fillId="2" borderId="44" xfId="0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20171;&#35703;&#32102;&#20184;/01-2%20&#24195;&#22577;&#12539;&#12507;&#12540;&#12512;&#12506;&#12540;&#12472;&#12539;&#12394;&#12427;&#12411;&#12393;&#23455;&#12395;&#12394;&#12427;&#20171;&#35703;&#20445;&#38522;&#12539;&#12467;&#12540;&#12523;&#12475;&#12531;&#12479;&#12540;/&#12507;&#12540;&#12512;&#12506;&#12540;&#12472;&#38306;&#20418;/20190423%20&#20803;&#21495;&#25913;&#27491;&#12395;&#20276;&#12358;&#27096;&#24335;&#22793;&#26356;/&#20303;&#23429;&#25913;&#20462;(&#20462;&#27491;&#28168;&#12415;&#65289;/H3008_&#20303;&#23429;&#25913;&#20462;&#36027;&#12398;&#21508;&#31278;&#27096;&#24335;(3&#21106;&#36000;&#25285;&#12398;&#36861;&#35352;)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orei-01gp5\&#20171;&#35703;&#20445;&#38522;&#35506;\WINNT\Profiles\s951169\Personal\&#20107;&#21209;&#65423;&#65414;&#65389;&#65393;&#65433;\&#32102;&#20184;\&#12381;&#12398;&#20182;\&#34920;&#6529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&#20171;&#35703;&#32102;&#20184;/&#24179;&#25104;18&#24180;&#24230;&#12539;&#21046;&#24230;&#25913;&#27491;&#65288;&#31179;&#30000;&#65289;/&#27770;&#23450;&#31561;&#36890;&#30693;&#26360;&#65288;&#30906;&#23450;&#2925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NT\Profiles\s951169\Personal\&#32102;&#20184;&#65288;&#27178;&#35895;&#65289;\&#24115;&#31080;\&#35388;\&#35388;&#12304;&#26087;&#25514;&#32622;&#21033;&#29992;&#32773;&#36000;&#25285;&#1230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【償還】申請書"/>
      <sheetName val="【償還】申請書 (記入例)"/>
      <sheetName val="【償還】委任状"/>
      <sheetName val="【償還】委任状（記入例）"/>
      <sheetName val="【受領委任】申請書"/>
      <sheetName val="【受領委任】申請書 (記入例)"/>
      <sheetName val="【受領委任】受領に関する委任状"/>
      <sheetName val="【受領委任】受領に関する委任状 （記入例）"/>
      <sheetName val="理由書P１"/>
      <sheetName val="理由書P1（記入要領）"/>
      <sheetName val="理由書P1（記入例）"/>
      <sheetName val="理由書P2"/>
      <sheetName val="理由書P2（記入要領）"/>
      <sheetName val="理由書P2（記入例）"/>
      <sheetName val="工事費内訳書"/>
      <sheetName val="工事費内訳書 (良い例)"/>
      <sheetName val="工事費内訳書 (悪い例) "/>
      <sheetName val="承諾書（賃貸住宅）"/>
      <sheetName val="承諾書（賃貸住宅） (記入例）"/>
      <sheetName val="承諾書（住宅所有者親族等）"/>
      <sheetName val="承諾書（住宅所有者親族等）（記入例）"/>
      <sheetName val="承諾書（住宅所有者死亡） "/>
      <sheetName val="承諾書（住宅所有者死亡）（記入例）"/>
      <sheetName val="代表相続人指定届"/>
      <sheetName val="代表相続人指定届 (記入例)"/>
      <sheetName val="【受領委任_介護保険課提出】振込口座指定・変更届"/>
      <sheetName val="【受領委任_介護保険課提出】振込口座指定・変更届 (記入例)"/>
      <sheetName val="【受領委任_介護保険課提出】委任状"/>
      <sheetName val="【受領委任_介護保険課提出】委任状 (記入例)"/>
      <sheetName val="【支援金】（不要のため参考）理由書"/>
      <sheetName val="【支援金】申請書"/>
      <sheetName val="【支援金】申請書 (記入例）"/>
      <sheetName val="【支援金】請求書"/>
      <sheetName val="【支援金】請求書 (記入例)"/>
      <sheetName val="【支援金_介護保険課提出】振込口座指定・変更届"/>
      <sheetName val="【支援金_介護保険課提出】振込口座指定・変更届 (記入例）"/>
      <sheetName val="【支援金_介護保険課提出】委任状 "/>
      <sheetName val="【支援金_介護保険課提出】委任状 (記入例)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短期生活"/>
      <sheetName val="短期療養"/>
      <sheetName val="短期入所限度額"/>
      <sheetName val="管理期間"/>
      <sheetName val="訪問通所限度額"/>
      <sheetName val="次期拡大具体例"/>
      <sheetName val="振替拡大具体例"/>
      <sheetName val="併用拡大具体例"/>
      <sheetName val="併用拡大具体例 (2)"/>
      <sheetName val="平準化対策案１"/>
      <sheetName val="平準化対策 案２"/>
      <sheetName val="平準化対策 案３"/>
      <sheetName val="平準化対策 案４"/>
      <sheetName val="振替届 (例)"/>
      <sheetName val="振替届"/>
      <sheetName val="振替計画書"/>
      <sheetName val="振替計画書 (改訂)"/>
      <sheetName val="振替計画書 (例)"/>
      <sheetName val="振替実績書"/>
      <sheetName val="振替実績書 (例)"/>
      <sheetName val="改修お知らせ"/>
      <sheetName val="購入お知らせ"/>
      <sheetName val="自己負担区分"/>
      <sheetName val="ワークシート改訂"/>
      <sheetName val="ワークシート改訂 (2)"/>
      <sheetName val="適用申出"/>
      <sheetName val="適用申出 (例)"/>
      <sheetName val="振替計画書 (改訂) (例)"/>
      <sheetName val="振込先依頼書"/>
      <sheetName val="各区"/>
      <sheetName val="適用申出（例）"/>
      <sheetName val="不正不当１"/>
      <sheetName val="不正不当２"/>
      <sheetName val="不正不当３"/>
      <sheetName val="不正不当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定通知書"/>
      <sheetName val="決定通知書（課税層特例）"/>
      <sheetName val="決定通知書（規則改正用）"/>
      <sheetName val="旧措置決定通知書"/>
      <sheetName val="旧措置決定通知書（課税層特例）"/>
      <sheetName val="旧措置決定通知書（規則改正用）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ユニシス"/>
      <sheetName val="表"/>
      <sheetName val="裏"/>
    </sheetNames>
    <sheetDataSet>
      <sheetData sheetId="0">
        <row r="14">
          <cell r="I14" t="str">
            <v>Ｋ</v>
          </cell>
          <cell r="M14" t="str">
            <v>Ｋ</v>
          </cell>
        </row>
      </sheetData>
      <sheetData sheetId="1" refreshError="1"/>
      <sheetData sheetId="2" refreshError="1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35"/>
  <sheetViews>
    <sheetView tabSelected="1" zoomScale="75" zoomScaleNormal="75" workbookViewId="0">
      <selection activeCell="AA16" sqref="AA16"/>
    </sheetView>
  </sheetViews>
  <sheetFormatPr defaultRowHeight="13.5" x14ac:dyDescent="0.15"/>
  <cols>
    <col min="1" max="1" width="3.625" style="3" customWidth="1"/>
    <col min="2" max="2" width="13" style="3" bestFit="1" customWidth="1"/>
    <col min="3" max="12" width="2.625" style="3" customWidth="1"/>
    <col min="13" max="13" width="10.875" style="3" customWidth="1"/>
    <col min="14" max="15" width="9" style="3"/>
    <col min="16" max="16" width="5.25" style="3" bestFit="1" customWidth="1"/>
    <col min="17" max="17" width="15.125" style="3" bestFit="1" customWidth="1"/>
    <col min="18" max="18" width="5.25" style="3" bestFit="1" customWidth="1"/>
    <col min="19" max="19" width="15.875" style="3" bestFit="1" customWidth="1"/>
    <col min="20" max="21" width="3.625" style="3" customWidth="1"/>
    <col min="22" max="22" width="5.25" style="3" bestFit="1" customWidth="1"/>
    <col min="23" max="23" width="7.125" style="3" customWidth="1"/>
    <col min="24" max="24" width="20.625" style="3" customWidth="1"/>
    <col min="25" max="25" width="7.125" style="3" bestFit="1" customWidth="1"/>
    <col min="26" max="27" width="10.625" style="3" customWidth="1"/>
    <col min="28" max="16384" width="9" style="3"/>
  </cols>
  <sheetData>
    <row r="1" spans="1:27" ht="20.100000000000001" customHeight="1" x14ac:dyDescent="0.15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</row>
    <row r="2" spans="1:27" ht="20.100000000000001" customHeight="1" thickBot="1" x14ac:dyDescent="0.2">
      <c r="A2" s="2" t="s">
        <v>1</v>
      </c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</row>
    <row r="3" spans="1:27" ht="20.100000000000001" customHeight="1" thickBot="1" x14ac:dyDescent="0.2">
      <c r="A3" s="4" t="s">
        <v>2</v>
      </c>
      <c r="B3" s="5" t="s">
        <v>3</v>
      </c>
      <c r="C3" s="6"/>
      <c r="D3" s="7"/>
      <c r="E3" s="7"/>
      <c r="F3" s="7"/>
      <c r="G3" s="7"/>
      <c r="H3" s="7"/>
      <c r="I3" s="7"/>
      <c r="J3" s="7"/>
      <c r="K3" s="7"/>
      <c r="L3" s="8"/>
      <c r="M3" s="9" t="s">
        <v>4</v>
      </c>
      <c r="N3" s="10" t="s">
        <v>5</v>
      </c>
      <c r="O3" s="9" t="s">
        <v>6</v>
      </c>
      <c r="P3" s="11" t="s">
        <v>7</v>
      </c>
      <c r="Q3" s="12" t="s">
        <v>8</v>
      </c>
      <c r="R3" s="13" t="s">
        <v>9</v>
      </c>
      <c r="S3" s="14" t="s">
        <v>10</v>
      </c>
      <c r="T3" s="2"/>
      <c r="U3" s="15" t="s">
        <v>11</v>
      </c>
      <c r="V3" s="16" t="s">
        <v>12</v>
      </c>
      <c r="W3" s="17"/>
      <c r="X3" s="11" t="s">
        <v>13</v>
      </c>
      <c r="Y3" s="18" t="s">
        <v>14</v>
      </c>
      <c r="Z3" s="19" t="s">
        <v>15</v>
      </c>
      <c r="AA3" s="20"/>
    </row>
    <row r="4" spans="1:27" ht="20.100000000000001" customHeight="1" x14ac:dyDescent="0.15">
      <c r="A4" s="21"/>
      <c r="B4" s="22"/>
      <c r="C4" s="23"/>
      <c r="D4" s="24"/>
      <c r="E4" s="24"/>
      <c r="F4" s="24"/>
      <c r="G4" s="24"/>
      <c r="H4" s="24"/>
      <c r="I4" s="24"/>
      <c r="J4" s="24"/>
      <c r="K4" s="24"/>
      <c r="L4" s="25"/>
      <c r="M4" s="22"/>
      <c r="N4" s="26"/>
      <c r="O4" s="22"/>
      <c r="P4" s="27" t="s">
        <v>16</v>
      </c>
      <c r="Q4" s="28"/>
      <c r="R4" s="29"/>
      <c r="S4" s="30"/>
      <c r="T4" s="2"/>
      <c r="U4" s="31"/>
      <c r="V4" s="9" t="s">
        <v>17</v>
      </c>
      <c r="W4" s="32"/>
      <c r="X4" s="32"/>
      <c r="Y4" s="32"/>
      <c r="Z4" s="32"/>
      <c r="AA4" s="14"/>
    </row>
    <row r="5" spans="1:27" ht="20.100000000000001" customHeight="1" thickBot="1" x14ac:dyDescent="0.2">
      <c r="A5" s="21"/>
      <c r="B5" s="33"/>
      <c r="C5" s="34"/>
      <c r="D5" s="35"/>
      <c r="E5" s="35"/>
      <c r="F5" s="35"/>
      <c r="G5" s="35"/>
      <c r="H5" s="35"/>
      <c r="I5" s="35"/>
      <c r="J5" s="35"/>
      <c r="K5" s="35"/>
      <c r="L5" s="36"/>
      <c r="M5" s="33"/>
      <c r="N5" s="37"/>
      <c r="O5" s="38"/>
      <c r="P5" s="39" t="s">
        <v>18</v>
      </c>
      <c r="Q5" s="40"/>
      <c r="R5" s="41"/>
      <c r="S5" s="42"/>
      <c r="T5" s="2"/>
      <c r="U5" s="31"/>
      <c r="V5" s="38"/>
      <c r="W5" s="43"/>
      <c r="X5" s="43"/>
      <c r="Y5" s="43"/>
      <c r="Z5" s="43"/>
      <c r="AA5" s="44"/>
    </row>
    <row r="6" spans="1:27" ht="20.100000000000001" customHeight="1" thickBot="1" x14ac:dyDescent="0.2">
      <c r="A6" s="21"/>
      <c r="B6" s="5" t="s">
        <v>19</v>
      </c>
      <c r="C6" s="32"/>
      <c r="D6" s="32"/>
      <c r="E6" s="32"/>
      <c r="F6" s="32"/>
      <c r="G6" s="32"/>
      <c r="H6" s="32"/>
      <c r="I6" s="32"/>
      <c r="J6" s="32"/>
      <c r="K6" s="32"/>
      <c r="L6" s="14"/>
      <c r="M6" s="5" t="s">
        <v>20</v>
      </c>
      <c r="N6" s="17" t="s">
        <v>21</v>
      </c>
      <c r="O6" s="17"/>
      <c r="P6" s="17" t="s">
        <v>22</v>
      </c>
      <c r="Q6" s="17"/>
      <c r="R6" s="17"/>
      <c r="S6" s="45"/>
      <c r="T6" s="2"/>
      <c r="U6" s="31"/>
      <c r="V6" s="46" t="s">
        <v>23</v>
      </c>
      <c r="W6" s="47" t="s">
        <v>24</v>
      </c>
      <c r="X6" s="47"/>
      <c r="Y6" s="48"/>
      <c r="Z6" s="48"/>
      <c r="AA6" s="49"/>
    </row>
    <row r="7" spans="1:27" ht="20.100000000000001" customHeight="1" thickBot="1" x14ac:dyDescent="0.2">
      <c r="A7" s="21"/>
      <c r="B7" s="38"/>
      <c r="C7" s="43"/>
      <c r="D7" s="43"/>
      <c r="E7" s="43"/>
      <c r="F7" s="43"/>
      <c r="G7" s="43"/>
      <c r="H7" s="43"/>
      <c r="I7" s="43"/>
      <c r="J7" s="43"/>
      <c r="K7" s="43"/>
      <c r="L7" s="44"/>
      <c r="M7" s="50"/>
      <c r="N7" s="51" t="s">
        <v>25</v>
      </c>
      <c r="O7" s="51"/>
      <c r="P7" s="51" t="s">
        <v>26</v>
      </c>
      <c r="Q7" s="51"/>
      <c r="R7" s="51"/>
      <c r="S7" s="52"/>
      <c r="T7" s="2"/>
      <c r="U7" s="31"/>
      <c r="V7" s="9" t="s">
        <v>27</v>
      </c>
      <c r="W7" s="32"/>
      <c r="X7" s="32"/>
      <c r="Y7" s="32"/>
      <c r="Z7" s="32"/>
      <c r="AA7" s="14"/>
    </row>
    <row r="8" spans="1:27" ht="20.100000000000001" customHeight="1" thickBot="1" x14ac:dyDescent="0.2">
      <c r="A8" s="21"/>
      <c r="B8" s="53" t="s">
        <v>28</v>
      </c>
      <c r="C8" s="54"/>
      <c r="D8" s="54"/>
      <c r="E8" s="54"/>
      <c r="F8" s="54"/>
      <c r="G8" s="54"/>
      <c r="H8" s="54"/>
      <c r="I8" s="54"/>
      <c r="J8" s="54"/>
      <c r="K8" s="54"/>
      <c r="L8" s="54"/>
      <c r="M8" s="54"/>
      <c r="N8" s="54"/>
      <c r="O8" s="54"/>
      <c r="P8" s="54"/>
      <c r="Q8" s="54"/>
      <c r="R8" s="54"/>
      <c r="S8" s="55"/>
      <c r="T8" s="2"/>
      <c r="U8" s="31"/>
      <c r="V8" s="38"/>
      <c r="W8" s="43"/>
      <c r="X8" s="43"/>
      <c r="Y8" s="43"/>
      <c r="Z8" s="43"/>
      <c r="AA8" s="44"/>
    </row>
    <row r="9" spans="1:27" ht="20.100000000000001" customHeight="1" thickBot="1" x14ac:dyDescent="0.2">
      <c r="A9" s="56"/>
      <c r="B9" s="38"/>
      <c r="C9" s="43"/>
      <c r="D9" s="43"/>
      <c r="E9" s="43"/>
      <c r="F9" s="43"/>
      <c r="G9" s="43"/>
      <c r="H9" s="43"/>
      <c r="I9" s="43"/>
      <c r="J9" s="43"/>
      <c r="K9" s="43"/>
      <c r="L9" s="43"/>
      <c r="M9" s="43"/>
      <c r="N9" s="43"/>
      <c r="O9" s="43"/>
      <c r="P9" s="43"/>
      <c r="Q9" s="43"/>
      <c r="R9" s="43"/>
      <c r="S9" s="44"/>
      <c r="T9" s="2"/>
      <c r="U9" s="57"/>
      <c r="V9" s="58" t="s">
        <v>29</v>
      </c>
      <c r="W9" s="59"/>
      <c r="X9" s="59"/>
      <c r="Y9" s="59"/>
      <c r="Z9" s="59"/>
      <c r="AA9" s="60"/>
    </row>
    <row r="10" spans="1:27" ht="9.9499999999999993" customHeight="1" thickBot="1" x14ac:dyDescent="0.2">
      <c r="A10" s="2"/>
      <c r="B10" s="61"/>
      <c r="C10" s="61"/>
      <c r="D10" s="61"/>
      <c r="E10" s="61"/>
      <c r="F10" s="61"/>
      <c r="G10" s="61"/>
      <c r="H10" s="61"/>
      <c r="I10" s="61"/>
      <c r="J10" s="61"/>
      <c r="K10" s="61"/>
      <c r="L10" s="61"/>
      <c r="M10" s="61"/>
      <c r="N10" s="61"/>
      <c r="O10" s="61"/>
      <c r="P10" s="61"/>
      <c r="Q10" s="61"/>
      <c r="R10" s="61"/>
      <c r="S10" s="61"/>
      <c r="T10" s="2"/>
      <c r="U10" s="2"/>
      <c r="V10" s="2"/>
      <c r="W10" s="2"/>
      <c r="X10" s="2"/>
      <c r="Y10" s="2"/>
      <c r="Z10" s="2"/>
      <c r="AA10" s="2"/>
    </row>
    <row r="11" spans="1:27" ht="20.100000000000001" customHeight="1" thickBot="1" x14ac:dyDescent="0.2">
      <c r="A11" s="4" t="s">
        <v>30</v>
      </c>
      <c r="B11" s="62" t="s">
        <v>31</v>
      </c>
      <c r="C11" s="17" t="s">
        <v>15</v>
      </c>
      <c r="D11" s="17"/>
      <c r="E11" s="17"/>
      <c r="F11" s="17"/>
      <c r="G11" s="17"/>
      <c r="H11" s="17"/>
      <c r="I11" s="17"/>
      <c r="J11" s="17"/>
      <c r="K11" s="17"/>
      <c r="L11" s="45"/>
      <c r="M11" s="13" t="s">
        <v>32</v>
      </c>
      <c r="N11" s="63" t="s">
        <v>33</v>
      </c>
      <c r="O11" s="64"/>
      <c r="P11" s="64"/>
      <c r="Q11" s="64"/>
      <c r="R11" s="64"/>
      <c r="S11" s="64"/>
      <c r="T11" s="64"/>
      <c r="U11" s="64"/>
      <c r="V11" s="64"/>
      <c r="W11" s="64"/>
      <c r="X11" s="64"/>
      <c r="Y11" s="64"/>
      <c r="Z11" s="64"/>
      <c r="AA11" s="65"/>
    </row>
    <row r="12" spans="1:27" ht="20.100000000000001" customHeight="1" x14ac:dyDescent="0.15">
      <c r="A12" s="21"/>
      <c r="B12" s="9" t="s">
        <v>27</v>
      </c>
      <c r="C12" s="32"/>
      <c r="D12" s="32"/>
      <c r="E12" s="32"/>
      <c r="F12" s="32"/>
      <c r="G12" s="32"/>
      <c r="H12" s="32"/>
      <c r="I12" s="32"/>
      <c r="J12" s="32"/>
      <c r="K12" s="32"/>
      <c r="L12" s="14"/>
      <c r="M12" s="29"/>
      <c r="N12" s="66" t="s">
        <v>34</v>
      </c>
      <c r="O12" s="67"/>
      <c r="P12" s="67"/>
      <c r="Q12" s="67"/>
      <c r="R12" s="67"/>
      <c r="S12" s="67"/>
      <c r="T12" s="67"/>
      <c r="U12" s="67"/>
      <c r="V12" s="67"/>
      <c r="W12" s="67"/>
      <c r="X12" s="67"/>
      <c r="Y12" s="67"/>
      <c r="Z12" s="67"/>
      <c r="AA12" s="68"/>
    </row>
    <row r="13" spans="1:27" ht="20.100000000000001" customHeight="1" thickBot="1" x14ac:dyDescent="0.2">
      <c r="A13" s="56"/>
      <c r="B13" s="38"/>
      <c r="C13" s="43"/>
      <c r="D13" s="43"/>
      <c r="E13" s="43"/>
      <c r="F13" s="43"/>
      <c r="G13" s="43"/>
      <c r="H13" s="43"/>
      <c r="I13" s="43"/>
      <c r="J13" s="43"/>
      <c r="K13" s="43"/>
      <c r="L13" s="44"/>
      <c r="M13" s="69"/>
      <c r="N13" s="70"/>
      <c r="O13" s="71"/>
      <c r="P13" s="71"/>
      <c r="Q13" s="71"/>
      <c r="R13" s="71"/>
      <c r="S13" s="71"/>
      <c r="T13" s="71"/>
      <c r="U13" s="71"/>
      <c r="V13" s="71"/>
      <c r="W13" s="71"/>
      <c r="X13" s="71"/>
      <c r="Y13" s="71"/>
      <c r="Z13" s="71"/>
      <c r="AA13" s="72"/>
    </row>
    <row r="14" spans="1:27" ht="9.9499999999999993" customHeight="1" x14ac:dyDescent="0.15">
      <c r="A14" s="2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</row>
    <row r="15" spans="1:27" ht="20.100000000000001" customHeight="1" thickBot="1" x14ac:dyDescent="0.2">
      <c r="A15" s="2" t="s">
        <v>35</v>
      </c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</row>
    <row r="16" spans="1:27" ht="20.100000000000001" customHeight="1" x14ac:dyDescent="0.15">
      <c r="A16" s="73" t="s">
        <v>36</v>
      </c>
      <c r="B16" s="74"/>
      <c r="C16" s="13"/>
      <c r="D16" s="32"/>
      <c r="E16" s="32"/>
      <c r="F16" s="32"/>
      <c r="G16" s="32"/>
      <c r="H16" s="32"/>
      <c r="I16" s="32"/>
      <c r="J16" s="32"/>
      <c r="K16" s="32"/>
      <c r="L16" s="32"/>
      <c r="M16" s="32"/>
      <c r="N16" s="32"/>
      <c r="O16" s="32"/>
      <c r="P16" s="32"/>
      <c r="Q16" s="32"/>
      <c r="R16" s="32"/>
      <c r="S16" s="32"/>
      <c r="T16" s="32"/>
      <c r="U16" s="32"/>
      <c r="V16" s="32"/>
      <c r="W16" s="14"/>
      <c r="X16" s="75" t="s">
        <v>37</v>
      </c>
      <c r="Y16" s="76"/>
      <c r="Z16" s="77"/>
      <c r="AA16" s="78"/>
    </row>
    <row r="17" spans="1:27" ht="20.100000000000001" customHeight="1" x14ac:dyDescent="0.15">
      <c r="A17" s="79"/>
      <c r="B17" s="80"/>
      <c r="C17" s="29"/>
      <c r="D17" s="81"/>
      <c r="E17" s="81"/>
      <c r="F17" s="81"/>
      <c r="G17" s="81"/>
      <c r="H17" s="81"/>
      <c r="I17" s="81"/>
      <c r="J17" s="81"/>
      <c r="K17" s="81"/>
      <c r="L17" s="81"/>
      <c r="M17" s="81"/>
      <c r="N17" s="81"/>
      <c r="O17" s="81"/>
      <c r="P17" s="81"/>
      <c r="Q17" s="81"/>
      <c r="R17" s="81"/>
      <c r="S17" s="81"/>
      <c r="T17" s="81"/>
      <c r="U17" s="81"/>
      <c r="V17" s="81"/>
      <c r="W17" s="30"/>
      <c r="X17" s="82"/>
      <c r="Y17" s="83"/>
      <c r="Z17" s="84" t="s">
        <v>38</v>
      </c>
      <c r="AA17" s="85" t="s">
        <v>39</v>
      </c>
    </row>
    <row r="18" spans="1:27" ht="20.100000000000001" customHeight="1" x14ac:dyDescent="0.15">
      <c r="A18" s="79"/>
      <c r="B18" s="80"/>
      <c r="C18" s="29"/>
      <c r="D18" s="81"/>
      <c r="E18" s="81"/>
      <c r="F18" s="81"/>
      <c r="G18" s="81"/>
      <c r="H18" s="81"/>
      <c r="I18" s="81"/>
      <c r="J18" s="81"/>
      <c r="K18" s="81"/>
      <c r="L18" s="81"/>
      <c r="M18" s="81"/>
      <c r="N18" s="81"/>
      <c r="O18" s="81"/>
      <c r="P18" s="81"/>
      <c r="Q18" s="81"/>
      <c r="R18" s="81"/>
      <c r="S18" s="81"/>
      <c r="T18" s="81"/>
      <c r="U18" s="81"/>
      <c r="V18" s="81"/>
      <c r="W18" s="30"/>
      <c r="X18" s="86" t="s">
        <v>40</v>
      </c>
      <c r="Y18" s="87"/>
      <c r="Z18" s="84" t="s">
        <v>41</v>
      </c>
      <c r="AA18" s="85" t="s">
        <v>41</v>
      </c>
    </row>
    <row r="19" spans="1:27" ht="20.100000000000001" customHeight="1" x14ac:dyDescent="0.15">
      <c r="A19" s="79"/>
      <c r="B19" s="80"/>
      <c r="C19" s="29"/>
      <c r="D19" s="81"/>
      <c r="E19" s="81"/>
      <c r="F19" s="81"/>
      <c r="G19" s="81"/>
      <c r="H19" s="81"/>
      <c r="I19" s="81"/>
      <c r="J19" s="81"/>
      <c r="K19" s="81"/>
      <c r="L19" s="81"/>
      <c r="M19" s="81"/>
      <c r="N19" s="81"/>
      <c r="O19" s="81"/>
      <c r="P19" s="81"/>
      <c r="Q19" s="81"/>
      <c r="R19" s="81"/>
      <c r="S19" s="81"/>
      <c r="T19" s="81"/>
      <c r="U19" s="81"/>
      <c r="V19" s="81"/>
      <c r="W19" s="30"/>
      <c r="X19" s="86" t="s">
        <v>42</v>
      </c>
      <c r="Y19" s="87"/>
      <c r="Z19" s="84" t="s">
        <v>41</v>
      </c>
      <c r="AA19" s="85" t="s">
        <v>41</v>
      </c>
    </row>
    <row r="20" spans="1:27" ht="20.100000000000001" customHeight="1" thickBot="1" x14ac:dyDescent="0.2">
      <c r="A20" s="88"/>
      <c r="B20" s="89"/>
      <c r="C20" s="41"/>
      <c r="D20" s="90"/>
      <c r="E20" s="90"/>
      <c r="F20" s="90"/>
      <c r="G20" s="90"/>
      <c r="H20" s="90"/>
      <c r="I20" s="90"/>
      <c r="J20" s="90"/>
      <c r="K20" s="90"/>
      <c r="L20" s="90"/>
      <c r="M20" s="90"/>
      <c r="N20" s="90"/>
      <c r="O20" s="90"/>
      <c r="P20" s="90"/>
      <c r="Q20" s="90"/>
      <c r="R20" s="90"/>
      <c r="S20" s="90"/>
      <c r="T20" s="90"/>
      <c r="U20" s="90"/>
      <c r="V20" s="90"/>
      <c r="W20" s="42"/>
      <c r="X20" s="86" t="s">
        <v>43</v>
      </c>
      <c r="Y20" s="87"/>
      <c r="Z20" s="84" t="s">
        <v>44</v>
      </c>
      <c r="AA20" s="85" t="s">
        <v>44</v>
      </c>
    </row>
    <row r="21" spans="1:27" ht="20.100000000000001" customHeight="1" x14ac:dyDescent="0.15">
      <c r="A21" s="91" t="s">
        <v>45</v>
      </c>
      <c r="B21" s="92"/>
      <c r="C21" s="13"/>
      <c r="D21" s="32"/>
      <c r="E21" s="32"/>
      <c r="F21" s="32"/>
      <c r="G21" s="32"/>
      <c r="H21" s="32"/>
      <c r="I21" s="32"/>
      <c r="J21" s="32"/>
      <c r="K21" s="32"/>
      <c r="L21" s="32"/>
      <c r="M21" s="32"/>
      <c r="N21" s="32"/>
      <c r="O21" s="32"/>
      <c r="P21" s="32"/>
      <c r="Q21" s="32"/>
      <c r="R21" s="32"/>
      <c r="S21" s="32"/>
      <c r="T21" s="32"/>
      <c r="U21" s="32"/>
      <c r="V21" s="32"/>
      <c r="W21" s="14"/>
      <c r="X21" s="86" t="s">
        <v>46</v>
      </c>
      <c r="Y21" s="87"/>
      <c r="Z21" s="84" t="s">
        <v>44</v>
      </c>
      <c r="AA21" s="85" t="s">
        <v>44</v>
      </c>
    </row>
    <row r="22" spans="1:27" ht="20.100000000000001" customHeight="1" x14ac:dyDescent="0.15">
      <c r="A22" s="93"/>
      <c r="B22" s="94"/>
      <c r="C22" s="29"/>
      <c r="D22" s="81"/>
      <c r="E22" s="81"/>
      <c r="F22" s="81"/>
      <c r="G22" s="81"/>
      <c r="H22" s="81"/>
      <c r="I22" s="81"/>
      <c r="J22" s="81"/>
      <c r="K22" s="81"/>
      <c r="L22" s="81"/>
      <c r="M22" s="81"/>
      <c r="N22" s="81"/>
      <c r="O22" s="81"/>
      <c r="P22" s="81"/>
      <c r="Q22" s="81"/>
      <c r="R22" s="81"/>
      <c r="S22" s="81"/>
      <c r="T22" s="81"/>
      <c r="U22" s="81"/>
      <c r="V22" s="81"/>
      <c r="W22" s="30"/>
      <c r="X22" s="86" t="s">
        <v>47</v>
      </c>
      <c r="Y22" s="87"/>
      <c r="Z22" s="84" t="s">
        <v>44</v>
      </c>
      <c r="AA22" s="85" t="s">
        <v>44</v>
      </c>
    </row>
    <row r="23" spans="1:27" ht="20.100000000000001" customHeight="1" x14ac:dyDescent="0.15">
      <c r="A23" s="93"/>
      <c r="B23" s="94"/>
      <c r="C23" s="29"/>
      <c r="D23" s="81"/>
      <c r="E23" s="81"/>
      <c r="F23" s="81"/>
      <c r="G23" s="81"/>
      <c r="H23" s="81"/>
      <c r="I23" s="81"/>
      <c r="J23" s="81"/>
      <c r="K23" s="81"/>
      <c r="L23" s="81"/>
      <c r="M23" s="81"/>
      <c r="N23" s="81"/>
      <c r="O23" s="81"/>
      <c r="P23" s="81"/>
      <c r="Q23" s="81"/>
      <c r="R23" s="81"/>
      <c r="S23" s="81"/>
      <c r="T23" s="81"/>
      <c r="U23" s="81"/>
      <c r="V23" s="81"/>
      <c r="W23" s="30"/>
      <c r="X23" s="86" t="s">
        <v>48</v>
      </c>
      <c r="Y23" s="87"/>
      <c r="Z23" s="84" t="s">
        <v>44</v>
      </c>
      <c r="AA23" s="85" t="s">
        <v>44</v>
      </c>
    </row>
    <row r="24" spans="1:27" ht="20.100000000000001" customHeight="1" x14ac:dyDescent="0.15">
      <c r="A24" s="93"/>
      <c r="B24" s="94"/>
      <c r="C24" s="29"/>
      <c r="D24" s="81"/>
      <c r="E24" s="81"/>
      <c r="F24" s="81"/>
      <c r="G24" s="81"/>
      <c r="H24" s="81"/>
      <c r="I24" s="81"/>
      <c r="J24" s="81"/>
      <c r="K24" s="81"/>
      <c r="L24" s="81"/>
      <c r="M24" s="81"/>
      <c r="N24" s="81"/>
      <c r="O24" s="81"/>
      <c r="P24" s="81"/>
      <c r="Q24" s="81"/>
      <c r="R24" s="81"/>
      <c r="S24" s="81"/>
      <c r="T24" s="81"/>
      <c r="U24" s="81"/>
      <c r="V24" s="81"/>
      <c r="W24" s="30"/>
      <c r="X24" s="86" t="s">
        <v>49</v>
      </c>
      <c r="Y24" s="87"/>
      <c r="Z24" s="84" t="s">
        <v>44</v>
      </c>
      <c r="AA24" s="85" t="s">
        <v>44</v>
      </c>
    </row>
    <row r="25" spans="1:27" ht="20.100000000000001" customHeight="1" thickBot="1" x14ac:dyDescent="0.2">
      <c r="A25" s="95"/>
      <c r="B25" s="96"/>
      <c r="C25" s="69"/>
      <c r="D25" s="43"/>
      <c r="E25" s="43"/>
      <c r="F25" s="43"/>
      <c r="G25" s="43"/>
      <c r="H25" s="43"/>
      <c r="I25" s="43"/>
      <c r="J25" s="43"/>
      <c r="K25" s="43"/>
      <c r="L25" s="43"/>
      <c r="M25" s="43"/>
      <c r="N25" s="43"/>
      <c r="O25" s="43"/>
      <c r="P25" s="43"/>
      <c r="Q25" s="43"/>
      <c r="R25" s="43"/>
      <c r="S25" s="43"/>
      <c r="T25" s="43"/>
      <c r="U25" s="43"/>
      <c r="V25" s="43"/>
      <c r="W25" s="44"/>
      <c r="X25" s="86" t="s">
        <v>50</v>
      </c>
      <c r="Y25" s="87"/>
      <c r="Z25" s="84" t="s">
        <v>44</v>
      </c>
      <c r="AA25" s="85" t="s">
        <v>44</v>
      </c>
    </row>
    <row r="26" spans="1:27" ht="20.100000000000001" customHeight="1" x14ac:dyDescent="0.15">
      <c r="A26" s="97" t="s">
        <v>51</v>
      </c>
      <c r="B26" s="98"/>
      <c r="C26" s="99"/>
      <c r="D26" s="54"/>
      <c r="E26" s="54"/>
      <c r="F26" s="54"/>
      <c r="G26" s="54"/>
      <c r="H26" s="54"/>
      <c r="I26" s="54"/>
      <c r="J26" s="54"/>
      <c r="K26" s="54"/>
      <c r="L26" s="54"/>
      <c r="M26" s="54"/>
      <c r="N26" s="54"/>
      <c r="O26" s="54"/>
      <c r="P26" s="54"/>
      <c r="Q26" s="54"/>
      <c r="R26" s="54"/>
      <c r="S26" s="54"/>
      <c r="T26" s="54"/>
      <c r="U26" s="54"/>
      <c r="V26" s="54"/>
      <c r="W26" s="55"/>
      <c r="X26" s="100" t="s">
        <v>52</v>
      </c>
      <c r="Y26" s="101"/>
      <c r="Z26" s="84" t="s">
        <v>41</v>
      </c>
      <c r="AA26" s="85" t="s">
        <v>41</v>
      </c>
    </row>
    <row r="27" spans="1:27" ht="20.100000000000001" customHeight="1" x14ac:dyDescent="0.15">
      <c r="A27" s="102"/>
      <c r="B27" s="103"/>
      <c r="C27" s="29"/>
      <c r="D27" s="81"/>
      <c r="E27" s="81"/>
      <c r="F27" s="81"/>
      <c r="G27" s="81"/>
      <c r="H27" s="81"/>
      <c r="I27" s="81"/>
      <c r="J27" s="81"/>
      <c r="K27" s="81"/>
      <c r="L27" s="81"/>
      <c r="M27" s="81"/>
      <c r="N27" s="81"/>
      <c r="O27" s="81"/>
      <c r="P27" s="81"/>
      <c r="Q27" s="81"/>
      <c r="R27" s="81"/>
      <c r="S27" s="81"/>
      <c r="T27" s="81"/>
      <c r="U27" s="81"/>
      <c r="V27" s="81"/>
      <c r="W27" s="30"/>
      <c r="X27" s="86" t="s">
        <v>53</v>
      </c>
      <c r="Y27" s="87"/>
      <c r="Z27" s="84" t="s">
        <v>41</v>
      </c>
      <c r="AA27" s="85" t="s">
        <v>41</v>
      </c>
    </row>
    <row r="28" spans="1:27" ht="20.100000000000001" customHeight="1" x14ac:dyDescent="0.15">
      <c r="A28" s="102"/>
      <c r="B28" s="103"/>
      <c r="C28" s="29"/>
      <c r="D28" s="81"/>
      <c r="E28" s="81"/>
      <c r="F28" s="81"/>
      <c r="G28" s="81"/>
      <c r="H28" s="81"/>
      <c r="I28" s="81"/>
      <c r="J28" s="81"/>
      <c r="K28" s="81"/>
      <c r="L28" s="81"/>
      <c r="M28" s="81"/>
      <c r="N28" s="81"/>
      <c r="O28" s="81"/>
      <c r="P28" s="81"/>
      <c r="Q28" s="81"/>
      <c r="R28" s="81"/>
      <c r="S28" s="81"/>
      <c r="T28" s="81"/>
      <c r="U28" s="81"/>
      <c r="V28" s="81"/>
      <c r="W28" s="30"/>
      <c r="X28" s="86" t="s">
        <v>54</v>
      </c>
      <c r="Y28" s="87"/>
      <c r="Z28" s="84" t="s">
        <v>41</v>
      </c>
      <c r="AA28" s="85" t="s">
        <v>41</v>
      </c>
    </row>
    <row r="29" spans="1:27" ht="20.100000000000001" customHeight="1" x14ac:dyDescent="0.15">
      <c r="A29" s="102"/>
      <c r="B29" s="103"/>
      <c r="C29" s="29"/>
      <c r="D29" s="81"/>
      <c r="E29" s="81"/>
      <c r="F29" s="81"/>
      <c r="G29" s="81"/>
      <c r="H29" s="81"/>
      <c r="I29" s="81"/>
      <c r="J29" s="81"/>
      <c r="K29" s="81"/>
      <c r="L29" s="81"/>
      <c r="M29" s="81"/>
      <c r="N29" s="81"/>
      <c r="O29" s="81"/>
      <c r="P29" s="81"/>
      <c r="Q29" s="81"/>
      <c r="R29" s="81"/>
      <c r="S29" s="81"/>
      <c r="T29" s="81"/>
      <c r="U29" s="81"/>
      <c r="V29" s="81"/>
      <c r="W29" s="30"/>
      <c r="X29" s="86" t="s">
        <v>55</v>
      </c>
      <c r="Y29" s="87"/>
      <c r="Z29" s="84" t="s">
        <v>41</v>
      </c>
      <c r="AA29" s="85" t="s">
        <v>41</v>
      </c>
    </row>
    <row r="30" spans="1:27" ht="20.100000000000001" customHeight="1" x14ac:dyDescent="0.15">
      <c r="A30" s="102"/>
      <c r="B30" s="103"/>
      <c r="C30" s="29"/>
      <c r="D30" s="81"/>
      <c r="E30" s="81"/>
      <c r="F30" s="81"/>
      <c r="G30" s="81"/>
      <c r="H30" s="81"/>
      <c r="I30" s="81"/>
      <c r="J30" s="81"/>
      <c r="K30" s="81"/>
      <c r="L30" s="81"/>
      <c r="M30" s="81"/>
      <c r="N30" s="81"/>
      <c r="O30" s="81"/>
      <c r="P30" s="81"/>
      <c r="Q30" s="81"/>
      <c r="R30" s="81"/>
      <c r="S30" s="81"/>
      <c r="T30" s="81"/>
      <c r="U30" s="81"/>
      <c r="V30" s="81"/>
      <c r="W30" s="30"/>
      <c r="X30" s="86" t="s">
        <v>56</v>
      </c>
      <c r="Y30" s="87"/>
      <c r="Z30" s="84" t="s">
        <v>41</v>
      </c>
      <c r="AA30" s="85" t="s">
        <v>41</v>
      </c>
    </row>
    <row r="31" spans="1:27" ht="20.100000000000001" customHeight="1" x14ac:dyDescent="0.15">
      <c r="A31" s="102"/>
      <c r="B31" s="103"/>
      <c r="C31" s="29"/>
      <c r="D31" s="81"/>
      <c r="E31" s="81"/>
      <c r="F31" s="81"/>
      <c r="G31" s="81"/>
      <c r="H31" s="81"/>
      <c r="I31" s="81"/>
      <c r="J31" s="81"/>
      <c r="K31" s="81"/>
      <c r="L31" s="81"/>
      <c r="M31" s="81"/>
      <c r="N31" s="81"/>
      <c r="O31" s="81"/>
      <c r="P31" s="81"/>
      <c r="Q31" s="81"/>
      <c r="R31" s="81"/>
      <c r="S31" s="81"/>
      <c r="T31" s="81"/>
      <c r="U31" s="81"/>
      <c r="V31" s="81"/>
      <c r="W31" s="30"/>
      <c r="X31" s="86" t="s">
        <v>57</v>
      </c>
      <c r="Y31" s="87"/>
      <c r="Z31" s="84" t="s">
        <v>41</v>
      </c>
      <c r="AA31" s="85" t="s">
        <v>41</v>
      </c>
    </row>
    <row r="32" spans="1:27" ht="20.100000000000001" customHeight="1" x14ac:dyDescent="0.15">
      <c r="A32" s="102"/>
      <c r="B32" s="103"/>
      <c r="C32" s="29"/>
      <c r="D32" s="81"/>
      <c r="E32" s="81"/>
      <c r="F32" s="81"/>
      <c r="G32" s="81"/>
      <c r="H32" s="81"/>
      <c r="I32" s="81"/>
      <c r="J32" s="81"/>
      <c r="K32" s="81"/>
      <c r="L32" s="81"/>
      <c r="M32" s="81"/>
      <c r="N32" s="81"/>
      <c r="O32" s="81"/>
      <c r="P32" s="81"/>
      <c r="Q32" s="81"/>
      <c r="R32" s="81"/>
      <c r="S32" s="81"/>
      <c r="T32" s="81"/>
      <c r="U32" s="81"/>
      <c r="V32" s="81"/>
      <c r="W32" s="30"/>
      <c r="X32" s="104" t="s">
        <v>58</v>
      </c>
      <c r="Y32" s="105"/>
      <c r="Z32" s="106"/>
      <c r="AA32" s="107"/>
    </row>
    <row r="33" spans="1:27" ht="20.100000000000001" customHeight="1" x14ac:dyDescent="0.15">
      <c r="A33" s="102"/>
      <c r="B33" s="103"/>
      <c r="C33" s="29"/>
      <c r="D33" s="81"/>
      <c r="E33" s="81"/>
      <c r="F33" s="81"/>
      <c r="G33" s="81"/>
      <c r="H33" s="81"/>
      <c r="I33" s="81"/>
      <c r="J33" s="81"/>
      <c r="K33" s="81"/>
      <c r="L33" s="81"/>
      <c r="M33" s="81"/>
      <c r="N33" s="81"/>
      <c r="O33" s="81"/>
      <c r="P33" s="81"/>
      <c r="Q33" s="81"/>
      <c r="R33" s="81"/>
      <c r="S33" s="81"/>
      <c r="T33" s="81"/>
      <c r="U33" s="81"/>
      <c r="V33" s="81"/>
      <c r="W33" s="30"/>
      <c r="X33" s="108" t="s">
        <v>59</v>
      </c>
      <c r="Y33" s="109"/>
      <c r="Z33" s="110" t="s">
        <v>60</v>
      </c>
      <c r="AA33" s="111" t="s">
        <v>60</v>
      </c>
    </row>
    <row r="34" spans="1:27" ht="20.100000000000001" customHeight="1" x14ac:dyDescent="0.15">
      <c r="A34" s="102"/>
      <c r="B34" s="103"/>
      <c r="C34" s="29"/>
      <c r="D34" s="81"/>
      <c r="E34" s="81"/>
      <c r="F34" s="81"/>
      <c r="G34" s="81"/>
      <c r="H34" s="81"/>
      <c r="I34" s="81"/>
      <c r="J34" s="81"/>
      <c r="K34" s="81"/>
      <c r="L34" s="81"/>
      <c r="M34" s="81"/>
      <c r="N34" s="81"/>
      <c r="O34" s="81"/>
      <c r="P34" s="81"/>
      <c r="Q34" s="81"/>
      <c r="R34" s="81"/>
      <c r="S34" s="81"/>
      <c r="T34" s="81"/>
      <c r="U34" s="81"/>
      <c r="V34" s="81"/>
      <c r="W34" s="30"/>
      <c r="X34" s="112" t="s">
        <v>59</v>
      </c>
      <c r="Y34" s="113"/>
      <c r="Z34" s="114" t="s">
        <v>44</v>
      </c>
      <c r="AA34" s="115" t="s">
        <v>60</v>
      </c>
    </row>
    <row r="35" spans="1:27" ht="20.100000000000001" customHeight="1" thickBot="1" x14ac:dyDescent="0.2">
      <c r="A35" s="116"/>
      <c r="B35" s="117"/>
      <c r="C35" s="69"/>
      <c r="D35" s="43"/>
      <c r="E35" s="43"/>
      <c r="F35" s="43"/>
      <c r="G35" s="43"/>
      <c r="H35" s="43"/>
      <c r="I35" s="43"/>
      <c r="J35" s="43"/>
      <c r="K35" s="43"/>
      <c r="L35" s="43"/>
      <c r="M35" s="43"/>
      <c r="N35" s="43"/>
      <c r="O35" s="43"/>
      <c r="P35" s="43"/>
      <c r="Q35" s="43"/>
      <c r="R35" s="43"/>
      <c r="S35" s="43"/>
      <c r="T35" s="43"/>
      <c r="U35" s="43"/>
      <c r="V35" s="43"/>
      <c r="W35" s="44"/>
      <c r="X35" s="118" t="s">
        <v>61</v>
      </c>
      <c r="Y35" s="119"/>
      <c r="Z35" s="120" t="s">
        <v>41</v>
      </c>
      <c r="AA35" s="121" t="s">
        <v>41</v>
      </c>
    </row>
  </sheetData>
  <mergeCells count="53">
    <mergeCell ref="A16:B20"/>
    <mergeCell ref="C16:W20"/>
    <mergeCell ref="X16:Y17"/>
    <mergeCell ref="A21:B25"/>
    <mergeCell ref="C21:W25"/>
    <mergeCell ref="A26:B35"/>
    <mergeCell ref="C26:W35"/>
    <mergeCell ref="X26:Y26"/>
    <mergeCell ref="A11:A13"/>
    <mergeCell ref="C11:L11"/>
    <mergeCell ref="M11:M13"/>
    <mergeCell ref="N11:AA11"/>
    <mergeCell ref="B12:B13"/>
    <mergeCell ref="C12:L13"/>
    <mergeCell ref="N12:AA13"/>
    <mergeCell ref="W6:X6"/>
    <mergeCell ref="Y6:AA6"/>
    <mergeCell ref="N7:O7"/>
    <mergeCell ref="P7:S7"/>
    <mergeCell ref="V7:W8"/>
    <mergeCell ref="X7:AA8"/>
    <mergeCell ref="C8:S9"/>
    <mergeCell ref="V9:W9"/>
    <mergeCell ref="X9:AA9"/>
    <mergeCell ref="U3:U9"/>
    <mergeCell ref="V3:W3"/>
    <mergeCell ref="Z3:AA3"/>
    <mergeCell ref="V4:W5"/>
    <mergeCell ref="X4:AA5"/>
    <mergeCell ref="B6:B7"/>
    <mergeCell ref="C6:L7"/>
    <mergeCell ref="M6:M7"/>
    <mergeCell ref="N6:O6"/>
    <mergeCell ref="P6:S6"/>
    <mergeCell ref="M3:M5"/>
    <mergeCell ref="N3:N5"/>
    <mergeCell ref="O3:O5"/>
    <mergeCell ref="Q3:Q5"/>
    <mergeCell ref="R3:R5"/>
    <mergeCell ref="S3:S5"/>
    <mergeCell ref="G3:G5"/>
    <mergeCell ref="H3:H5"/>
    <mergeCell ref="I3:I5"/>
    <mergeCell ref="J3:J5"/>
    <mergeCell ref="K3:K5"/>
    <mergeCell ref="L3:L5"/>
    <mergeCell ref="A3:A9"/>
    <mergeCell ref="B3:B5"/>
    <mergeCell ref="C3:C5"/>
    <mergeCell ref="D3:D5"/>
    <mergeCell ref="E3:E5"/>
    <mergeCell ref="F3:F5"/>
    <mergeCell ref="B8:B9"/>
  </mergeCells>
  <phoneticPr fontId="3"/>
  <pageMargins left="0.7" right="0.7" top="0.75" bottom="0.75" header="0.3" footer="0.3"/>
  <pageSetup paperSize="9" scale="73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理由書P１</vt:lpstr>
    </vt:vector>
  </TitlesOfParts>
  <Company>札幌市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231.荒井　拓也</dc:creator>
  <cp:lastModifiedBy>0231.荒井　拓也</cp:lastModifiedBy>
  <dcterms:created xsi:type="dcterms:W3CDTF">2019-04-23T11:03:24Z</dcterms:created>
  <dcterms:modified xsi:type="dcterms:W3CDTF">2019-04-23T11:03:59Z</dcterms:modified>
</cp:coreProperties>
</file>